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comments3.xml" ContentType="application/vnd.openxmlformats-officedocument.spreadsheetml.comments+xml"/>
  <Override PartName="/xl/comments4.xml" ContentType="application/vnd.openxmlformats-officedocument.spreadsheetml.comments+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69\01_調整グループ\11_交付金\03_新興感染症対応力強化事業補助金\96_R7年度準備\R7申請様式\"/>
    </mc:Choice>
  </mc:AlternateContent>
  <bookViews>
    <workbookView xWindow="0" yWindow="0" windowWidth="19200" windowHeight="7485" tabRatio="782"/>
  </bookViews>
  <sheets>
    <sheet name="はじめにお読みください。" sheetId="2" r:id="rId1"/>
    <sheet name="基礎情報" sheetId="3" r:id="rId2"/>
    <sheet name="確認書（陰圧）" sheetId="4" r:id="rId3"/>
    <sheet name="確認書（検査機器）" sheetId="5" r:id="rId4"/>
    <sheet name="確認書（ベッド）" sheetId="6" r:id="rId5"/>
    <sheet name="確認書（清浄機）" sheetId="7" r:id="rId6"/>
    <sheet name="概要（陰圧）" sheetId="32" r:id="rId7"/>
    <sheet name="概要（検査機器）" sheetId="31" r:id="rId8"/>
    <sheet name="概要（ベッド）" sheetId="30" r:id="rId9"/>
    <sheet name="概要（清浄機）" sheetId="29" r:id="rId10"/>
    <sheet name="管理用" sheetId="33" state="hidden" r:id="rId11"/>
    <sheet name="事業計画書より右のシートは正式な交付申請時に使用します" sheetId="34" r:id="rId12"/>
    <sheet name="計画書（陰圧）" sheetId="8" r:id="rId13"/>
    <sheet name="計画書（検査装置)" sheetId="9" r:id="rId14"/>
    <sheet name="計画書（ベッド)" sheetId="10" r:id="rId15"/>
    <sheet name="計画書（清浄機)" sheetId="11" r:id="rId16"/>
    <sheet name="交付申請書" sheetId="12" r:id="rId17"/>
    <sheet name="経費所要額調" sheetId="28" r:id="rId18"/>
    <sheet name="歳入歳出予算書抄本" sheetId="13" r:id="rId19"/>
  </sheets>
  <externalReferences>
    <externalReference r:id="rId20"/>
    <externalReference r:id="rId21"/>
  </externalReferences>
  <definedNames>
    <definedName name="_xlnm._FilterDatabase" localSheetId="1" hidden="1">基礎情報!#REF!</definedName>
    <definedName name="_Key1" localSheetId="8" hidden="1">#REF!</definedName>
    <definedName name="_Key1" localSheetId="6" hidden="1">#REF!</definedName>
    <definedName name="_Key1" localSheetId="7" hidden="1">#REF!</definedName>
    <definedName name="_Key1" localSheetId="11" hidden="1">#REF!</definedName>
    <definedName name="_Key1" hidden="1">#REF!</definedName>
    <definedName name="_Key2" localSheetId="8" hidden="1">#REF!</definedName>
    <definedName name="_Key2" localSheetId="6" hidden="1">#REF!</definedName>
    <definedName name="_Key2" localSheetId="7" hidden="1">#REF!</definedName>
    <definedName name="_Key2" localSheetId="11" hidden="1">#REF!</definedName>
    <definedName name="_Key2" hidden="1">#REF!</definedName>
    <definedName name="_Order1" hidden="1">255</definedName>
    <definedName name="_Order2" hidden="1">255</definedName>
    <definedName name="_Sort" localSheetId="8" hidden="1">#REF!</definedName>
    <definedName name="_Sort" localSheetId="6" hidden="1">#REF!</definedName>
    <definedName name="_Sort" localSheetId="7" hidden="1">#REF!</definedName>
    <definedName name="_Sort" localSheetId="11" hidden="1">#REF!</definedName>
    <definedName name="_Sort" hidden="1">#REF!</definedName>
    <definedName name="〇×">[1]処遇改善状況!$J$29:$J$30</definedName>
    <definedName name="a" localSheetId="0">#REF!</definedName>
    <definedName name="a" localSheetId="8">#REF!</definedName>
    <definedName name="a" localSheetId="6">#REF!</definedName>
    <definedName name="a" localSheetId="7">#REF!</definedName>
    <definedName name="a" localSheetId="14">#REF!</definedName>
    <definedName name="a" localSheetId="13">#REF!</definedName>
    <definedName name="a" localSheetId="15">#REF!</definedName>
    <definedName name="a" localSheetId="16">#REF!</definedName>
    <definedName name="a" localSheetId="18">#REF!</definedName>
    <definedName name="a" localSheetId="11">#REF!</definedName>
    <definedName name="a">#REF!</definedName>
    <definedName name="ＡＡＡ" localSheetId="8" hidden="1">#REF!</definedName>
    <definedName name="ＡＡＡ" localSheetId="6" hidden="1">#REF!</definedName>
    <definedName name="ＡＡＡ" localSheetId="7" hidden="1">#REF!</definedName>
    <definedName name="ＡＡＡ" localSheetId="11" hidden="1">#REF!</definedName>
    <definedName name="ＡＡＡ" hidden="1">#REF!</definedName>
    <definedName name="aaaa" localSheetId="0">#REF!</definedName>
    <definedName name="aaaa" localSheetId="8">#REF!</definedName>
    <definedName name="aaaa" localSheetId="6">#REF!</definedName>
    <definedName name="aaaa" localSheetId="7">#REF!</definedName>
    <definedName name="aaaa" localSheetId="14">#REF!</definedName>
    <definedName name="aaaa" localSheetId="13">#REF!</definedName>
    <definedName name="aaaa" localSheetId="15">#REF!</definedName>
    <definedName name="aaaa" localSheetId="16">#REF!</definedName>
    <definedName name="aaaa" localSheetId="18">#REF!</definedName>
    <definedName name="aaaa" localSheetId="11">#REF!</definedName>
    <definedName name="aaaa">#REF!</definedName>
    <definedName name="aaaaaaaaaaaaaaaaaa" localSheetId="8" hidden="1">#REF!</definedName>
    <definedName name="aaaaaaaaaaaaaaaaaa" localSheetId="6" hidden="1">#REF!</definedName>
    <definedName name="aaaaaaaaaaaaaaaaaa" localSheetId="7" hidden="1">#REF!</definedName>
    <definedName name="aaaaaaaaaaaaaaaaaa" localSheetId="11" hidden="1">#REF!</definedName>
    <definedName name="aaaaaaaaaaaaaaaaaa" hidden="1">#REF!</definedName>
    <definedName name="b" localSheetId="0">#REF!</definedName>
    <definedName name="b" localSheetId="8">#REF!</definedName>
    <definedName name="b" localSheetId="6">#REF!</definedName>
    <definedName name="b" localSheetId="7">#REF!</definedName>
    <definedName name="b" localSheetId="14">#REF!</definedName>
    <definedName name="b" localSheetId="13">#REF!</definedName>
    <definedName name="b" localSheetId="15">#REF!</definedName>
    <definedName name="b" localSheetId="11">#REF!</definedName>
    <definedName name="b">#REF!</definedName>
    <definedName name="ＢＢＢ" localSheetId="8" hidden="1">#REF!</definedName>
    <definedName name="ＢＢＢ" localSheetId="6" hidden="1">#REF!</definedName>
    <definedName name="ＢＢＢ" localSheetId="7" hidden="1">#REF!</definedName>
    <definedName name="ＢＢＢ" localSheetId="11" hidden="1">#REF!</definedName>
    <definedName name="ＢＢＢ" hidden="1">#REF!</definedName>
    <definedName name="E" localSheetId="8" hidden="1">#REF!</definedName>
    <definedName name="E" localSheetId="6" hidden="1">#REF!</definedName>
    <definedName name="E" localSheetId="7" hidden="1">#REF!</definedName>
    <definedName name="E" localSheetId="11" hidden="1">#REF!</definedName>
    <definedName name="E" hidden="1">#REF!</definedName>
    <definedName name="ｌ" localSheetId="8" hidden="1">#REF!</definedName>
    <definedName name="ｌ" localSheetId="6" hidden="1">#REF!</definedName>
    <definedName name="ｌ" localSheetId="7" hidden="1">#REF!</definedName>
    <definedName name="ｌ" localSheetId="11" hidden="1">#REF!</definedName>
    <definedName name="ｌ" hidden="1">#REF!</definedName>
    <definedName name="_xlnm.Print_Area" localSheetId="0">はじめにお読みください。!$B$1:$K$36</definedName>
    <definedName name="_xlnm.Print_Area" localSheetId="8">'概要（ベッド）'!$A$1:$R$45</definedName>
    <definedName name="_xlnm.Print_Area" localSheetId="6">'概要（陰圧）'!$A$1:$R$45</definedName>
    <definedName name="_xlnm.Print_Area" localSheetId="7">'概要（検査機器）'!$A$1:$R$45</definedName>
    <definedName name="_xlnm.Print_Area" localSheetId="9">'概要（清浄機）'!$A$1:$R$45</definedName>
    <definedName name="_xlnm.Print_Area" localSheetId="4">'確認書（ベッド）'!$A$1:$I$112</definedName>
    <definedName name="_xlnm.Print_Area" localSheetId="2">'確認書（陰圧）'!$A$1:$I$115</definedName>
    <definedName name="_xlnm.Print_Area" localSheetId="3">'確認書（検査機器）'!$A$1:$AF$131</definedName>
    <definedName name="_xlnm.Print_Area" localSheetId="5">'確認書（清浄機）'!$A$1:$AF$138</definedName>
    <definedName name="_xlnm.Print_Area" localSheetId="1">基礎情報!$B$2:$E$24</definedName>
    <definedName name="_xlnm.Print_Area" localSheetId="17">経費所要額調!$A$1:$N$22</definedName>
    <definedName name="_xlnm.Print_Area" localSheetId="14">'計画書（ベッド)'!$B$1:$I$48</definedName>
    <definedName name="_xlnm.Print_Area" localSheetId="12">'計画書（陰圧）'!$B$1:$I$48</definedName>
    <definedName name="_xlnm.Print_Area" localSheetId="13">'計画書（検査装置)'!$B$1:$I$48</definedName>
    <definedName name="_xlnm.Print_Area" localSheetId="15">'計画書（清浄機)'!$B$1:$I$48</definedName>
    <definedName name="_xlnm.Print_Area" localSheetId="16">交付申請書!$A$1:$AE$46</definedName>
    <definedName name="_xlnm.Print_Area" localSheetId="18">歳入歳出予算書抄本!$A$1:$F$29</definedName>
    <definedName name="Z_00E5FA86_1172_4EED_8DB5_202766590116_.wvu.PrintArea" localSheetId="1" hidden="1">基礎情報!$B$2:$E$24</definedName>
    <definedName name="Z_00E5FA86_1172_4EED_8DB5_202766590116_.wvu.PrintArea" localSheetId="16" hidden="1">交付申請書!$A$1:$AE$39</definedName>
    <definedName name="Z_75F8A93C_F5BA_4FE5_85C6_88804E4D71E6_.wvu.PrintArea" localSheetId="0" hidden="1">はじめにお読みください。!$B$1:$K$36</definedName>
    <definedName name="Z_75F8A93C_F5BA_4FE5_85C6_88804E4D71E6_.wvu.PrintArea" localSheetId="4" hidden="1">'確認書（ベッド）'!$A$1:$I$112</definedName>
    <definedName name="Z_75F8A93C_F5BA_4FE5_85C6_88804E4D71E6_.wvu.PrintArea" localSheetId="2" hidden="1">'確認書（陰圧）'!$A$1:$I$115</definedName>
    <definedName name="Z_75F8A93C_F5BA_4FE5_85C6_88804E4D71E6_.wvu.PrintArea" localSheetId="3" hidden="1">'確認書（検査機器）'!$A$1:$AF$131</definedName>
    <definedName name="Z_75F8A93C_F5BA_4FE5_85C6_88804E4D71E6_.wvu.PrintArea" localSheetId="5" hidden="1">'確認書（清浄機）'!$A$1:$AG$138</definedName>
    <definedName name="Z_75F8A93C_F5BA_4FE5_85C6_88804E4D71E6_.wvu.PrintArea" localSheetId="1" hidden="1">基礎情報!$B$2:$E$24</definedName>
    <definedName name="Z_75F8A93C_F5BA_4FE5_85C6_88804E4D71E6_.wvu.PrintArea" localSheetId="14" hidden="1">'計画書（ベッド)'!$B$1:$I$48</definedName>
    <definedName name="Z_75F8A93C_F5BA_4FE5_85C6_88804E4D71E6_.wvu.PrintArea" localSheetId="12" hidden="1">'計画書（陰圧）'!$B$1:$I$48</definedName>
    <definedName name="Z_75F8A93C_F5BA_4FE5_85C6_88804E4D71E6_.wvu.PrintArea" localSheetId="13" hidden="1">'計画書（検査装置)'!$B$1:$I$48</definedName>
    <definedName name="Z_75F8A93C_F5BA_4FE5_85C6_88804E4D71E6_.wvu.PrintArea" localSheetId="15" hidden="1">'計画書（清浄機)'!$B$1:$I$48</definedName>
    <definedName name="Z_75F8A93C_F5BA_4FE5_85C6_88804E4D71E6_.wvu.PrintArea" localSheetId="16" hidden="1">交付申請書!$A$1:$AE$46</definedName>
    <definedName name="Z_75F8A93C_F5BA_4FE5_85C6_88804E4D71E6_.wvu.PrintArea" localSheetId="18" hidden="1">歳入歳出予算書抄本!$A$1:$G$29</definedName>
    <definedName name="Z_75F8A93C_F5BA_4FE5_85C6_88804E4D71E6_.wvu.Rows" localSheetId="4" hidden="1">'確認書（ベッド）'!#REF!</definedName>
    <definedName name="あ" localSheetId="8" hidden="1">#REF!</definedName>
    <definedName name="あ" localSheetId="6" hidden="1">#REF!</definedName>
    <definedName name="あ" localSheetId="7" hidden="1">#REF!</definedName>
    <definedName name="あ" localSheetId="11" hidden="1">#REF!</definedName>
    <definedName name="あ" hidden="1">#REF!</definedName>
    <definedName name="ああ" localSheetId="0">#REF!</definedName>
    <definedName name="ああ" localSheetId="8">#REF!</definedName>
    <definedName name="ああ" localSheetId="6">#REF!</definedName>
    <definedName name="ああ" localSheetId="7">#REF!</definedName>
    <definedName name="ああ" localSheetId="14">#REF!</definedName>
    <definedName name="ああ" localSheetId="13">#REF!</definedName>
    <definedName name="ああ" localSheetId="15">#REF!</definedName>
    <definedName name="ああ" localSheetId="16">#REF!</definedName>
    <definedName name="ああ" localSheetId="18">#REF!</definedName>
    <definedName name="ああ" localSheetId="11">#REF!</definedName>
    <definedName name="ああ">#REF!</definedName>
    <definedName name="い" localSheetId="8" hidden="1">#REF!</definedName>
    <definedName name="い" localSheetId="6" hidden="1">#REF!</definedName>
    <definedName name="い" localSheetId="7" hidden="1">#REF!</definedName>
    <definedName name="い" localSheetId="11" hidden="1">#REF!</definedName>
    <definedName name="い" hidden="1">#REF!</definedName>
    <definedName name="かかか" localSheetId="0">#REF!</definedName>
    <definedName name="かかか" localSheetId="8">#REF!</definedName>
    <definedName name="かかか" localSheetId="6">#REF!</definedName>
    <definedName name="かかか" localSheetId="7">#REF!</definedName>
    <definedName name="かかか" localSheetId="14">#REF!</definedName>
    <definedName name="かかか" localSheetId="13">#REF!</definedName>
    <definedName name="かかか" localSheetId="15">#REF!</definedName>
    <definedName name="かかか" localSheetId="11">#REF!</definedName>
    <definedName name="かかか">#REF!</definedName>
    <definedName name="クラスター" localSheetId="0">#REF!</definedName>
    <definedName name="クラスター" localSheetId="8">#REF!</definedName>
    <definedName name="クラスター" localSheetId="6">#REF!</definedName>
    <definedName name="クラスター" localSheetId="7">#REF!</definedName>
    <definedName name="クラスター" localSheetId="14">#REF!</definedName>
    <definedName name="クラスター" localSheetId="13">#REF!</definedName>
    <definedName name="クラスター" localSheetId="15">#REF!</definedName>
    <definedName name="クラスター" localSheetId="16">#REF!</definedName>
    <definedName name="クラスター" localSheetId="18">#REF!</definedName>
    <definedName name="クラスター" localSheetId="11">#REF!</definedName>
    <definedName name="クラスター">#REF!</definedName>
    <definedName name="こ" localSheetId="8" hidden="1">#REF!</definedName>
    <definedName name="こ" localSheetId="6" hidden="1">#REF!</definedName>
    <definedName name="こ" localSheetId="7" hidden="1">#REF!</definedName>
    <definedName name="こ" localSheetId="11" hidden="1">#REF!</definedName>
    <definedName name="こ" hidden="1">#REF!</definedName>
    <definedName name="こ」" localSheetId="8" hidden="1">#REF!</definedName>
    <definedName name="こ」" localSheetId="6" hidden="1">#REF!</definedName>
    <definedName name="こ」" localSheetId="7" hidden="1">#REF!</definedName>
    <definedName name="こ」" localSheetId="11" hidden="1">#REF!</definedName>
    <definedName name="こ」" hidden="1">#REF!</definedName>
    <definedName name="へき地医療拠点病院施設整備事業" localSheetId="0">#REF!</definedName>
    <definedName name="へき地医療拠点病院施設整備事業" localSheetId="8">#REF!</definedName>
    <definedName name="へき地医療拠点病院施設整備事業" localSheetId="6">#REF!</definedName>
    <definedName name="へき地医療拠点病院施設整備事業" localSheetId="7">#REF!</definedName>
    <definedName name="へき地医療拠点病院施設整備事業" localSheetId="14">#REF!</definedName>
    <definedName name="へき地医療拠点病院施設整備事業" localSheetId="13">#REF!</definedName>
    <definedName name="へき地医療拠点病院施設整備事業" localSheetId="15">#REF!</definedName>
    <definedName name="へき地医療拠点病院施設整備事業" localSheetId="11">#REF!</definedName>
    <definedName name="へき地医療拠点病院施設整備事業">#REF!</definedName>
    <definedName name="へき地診療所施設整備事業" localSheetId="0">#REF!</definedName>
    <definedName name="へき地診療所施設整備事業" localSheetId="8">#REF!</definedName>
    <definedName name="へき地診療所施設整備事業" localSheetId="6">#REF!</definedName>
    <definedName name="へき地診療所施設整備事業" localSheetId="7">#REF!</definedName>
    <definedName name="へき地診療所施設整備事業" localSheetId="14">#REF!</definedName>
    <definedName name="へき地診療所施設整備事業" localSheetId="13">#REF!</definedName>
    <definedName name="へき地診療所施設整備事業" localSheetId="15">#REF!</definedName>
    <definedName name="へき地診療所施設整備事業" localSheetId="11">#REF!</definedName>
    <definedName name="へき地診療所施設整備事業">#REF!</definedName>
    <definedName name="へき地保健指導所施設整備事業" localSheetId="0">#REF!</definedName>
    <definedName name="へき地保健指導所施設整備事業" localSheetId="8">#REF!</definedName>
    <definedName name="へき地保健指導所施設整備事業" localSheetId="6">#REF!</definedName>
    <definedName name="へき地保健指導所施設整備事業" localSheetId="7">#REF!</definedName>
    <definedName name="へき地保健指導所施設整備事業" localSheetId="14">#REF!</definedName>
    <definedName name="へき地保健指導所施設整備事業" localSheetId="13">#REF!</definedName>
    <definedName name="へき地保健指導所施設整備事業" localSheetId="15">#REF!</definedName>
    <definedName name="へき地保健指導所施設整備事業" localSheetId="11">#REF!</definedName>
    <definedName name="へき地保健指導所施設整備事業">#REF!</definedName>
    <definedName name="医師臨床研修病院研修医環境整備事業" localSheetId="0">#REF!</definedName>
    <definedName name="医師臨床研修病院研修医環境整備事業" localSheetId="8">#REF!</definedName>
    <definedName name="医師臨床研修病院研修医環境整備事業" localSheetId="6">#REF!</definedName>
    <definedName name="医師臨床研修病院研修医環境整備事業" localSheetId="7">#REF!</definedName>
    <definedName name="医師臨床研修病院研修医環境整備事業" localSheetId="14">#REF!</definedName>
    <definedName name="医師臨床研修病院研修医環境整備事業" localSheetId="13">#REF!</definedName>
    <definedName name="医師臨床研修病院研修医環境整備事業" localSheetId="15">#REF!</definedName>
    <definedName name="医師臨床研修病院研修医環境整備事業" localSheetId="11">#REF!</definedName>
    <definedName name="医師臨床研修病院研修医環境整備事業">#REF!</definedName>
    <definedName name="院内感染対策施設整備事業" localSheetId="0">#REF!</definedName>
    <definedName name="院内感染対策施設整備事業" localSheetId="8">#REF!</definedName>
    <definedName name="院内感染対策施設整備事業" localSheetId="6">#REF!</definedName>
    <definedName name="院内感染対策施設整備事業" localSheetId="7">#REF!</definedName>
    <definedName name="院内感染対策施設整備事業" localSheetId="14">#REF!</definedName>
    <definedName name="院内感染対策施設整備事業" localSheetId="13">#REF!</definedName>
    <definedName name="院内感染対策施設整備事業" localSheetId="15">#REF!</definedName>
    <definedName name="院内感染対策施設整備事業" localSheetId="11">#REF!</definedName>
    <definedName name="院内感染対策施設整備事業">#REF!</definedName>
    <definedName name="過疎地域等特定診療所施設整備事業" localSheetId="0">#REF!</definedName>
    <definedName name="過疎地域等特定診療所施設整備事業" localSheetId="8">#REF!</definedName>
    <definedName name="過疎地域等特定診療所施設整備事業" localSheetId="6">#REF!</definedName>
    <definedName name="過疎地域等特定診療所施設整備事業" localSheetId="7">#REF!</definedName>
    <definedName name="過疎地域等特定診療所施設整備事業" localSheetId="14">#REF!</definedName>
    <definedName name="過疎地域等特定診療所施設整備事業" localSheetId="13">#REF!</definedName>
    <definedName name="過疎地域等特定診療所施設整備事業" localSheetId="15">#REF!</definedName>
    <definedName name="過疎地域等特定診療所施設整備事業" localSheetId="11">#REF!</definedName>
    <definedName name="過疎地域等特定診療所施設整備事業">#REF!</definedName>
    <definedName name="研修医のための研修施設整備事業" localSheetId="0">#REF!</definedName>
    <definedName name="研修医のための研修施設整備事業" localSheetId="8">#REF!</definedName>
    <definedName name="研修医のための研修施設整備事業" localSheetId="6">#REF!</definedName>
    <definedName name="研修医のための研修施設整備事業" localSheetId="7">#REF!</definedName>
    <definedName name="研修医のための研修施設整備事業" localSheetId="14">#REF!</definedName>
    <definedName name="研修医のための研修施設整備事業" localSheetId="13">#REF!</definedName>
    <definedName name="研修医のための研修施設整備事業" localSheetId="15">#REF!</definedName>
    <definedName name="研修医のための研修施設整備事業" localSheetId="11">#REF!</definedName>
    <definedName name="研修医のための研修施設整備事業">#REF!</definedName>
    <definedName name="個人防護具" localSheetId="0">#REF!</definedName>
    <definedName name="個人防護具" localSheetId="8">#REF!</definedName>
    <definedName name="個人防護具" localSheetId="6">#REF!</definedName>
    <definedName name="個人防護具" localSheetId="7">#REF!</definedName>
    <definedName name="個人防護具" localSheetId="14">#REF!</definedName>
    <definedName name="個人防護具" localSheetId="13">#REF!</definedName>
    <definedName name="個人防護具" localSheetId="15">#REF!</definedName>
    <definedName name="個人防護具" localSheetId="11">#REF!</definedName>
    <definedName name="個人防護具">#REF!</definedName>
    <definedName name="産科医療機関施設整備事業" localSheetId="0">#REF!</definedName>
    <definedName name="産科医療機関施設整備事業" localSheetId="8">#REF!</definedName>
    <definedName name="産科医療機関施設整備事業" localSheetId="6">#REF!</definedName>
    <definedName name="産科医療機関施設整備事業" localSheetId="7">#REF!</definedName>
    <definedName name="産科医療機関施設整備事業" localSheetId="14">#REF!</definedName>
    <definedName name="産科医療機関施設整備事業" localSheetId="13">#REF!</definedName>
    <definedName name="産科医療機関施設整備事業" localSheetId="15">#REF!</definedName>
    <definedName name="産科医療機関施設整備事業" localSheetId="11">#REF!</definedName>
    <definedName name="産科医療機関施設整備事業">#REF!</definedName>
    <definedName name="死亡時画像診断システム施設整備事業" localSheetId="0">#REF!</definedName>
    <definedName name="死亡時画像診断システム施設整備事業" localSheetId="8">#REF!</definedName>
    <definedName name="死亡時画像診断システム施設整備事業" localSheetId="6">#REF!</definedName>
    <definedName name="死亡時画像診断システム施設整備事業" localSheetId="7">#REF!</definedName>
    <definedName name="死亡時画像診断システム施設整備事業" localSheetId="14">#REF!</definedName>
    <definedName name="死亡時画像診断システム施設整備事業" localSheetId="13">#REF!</definedName>
    <definedName name="死亡時画像診断システム施設整備事業" localSheetId="15">#REF!</definedName>
    <definedName name="死亡時画像診断システム施設整備事業" localSheetId="11">#REF!</definedName>
    <definedName name="死亡時画像診断システム施設整備事業">#REF!</definedName>
    <definedName name="事業区分">[1]処遇改善状況!$I$29:$I$30</definedName>
    <definedName name="事業分類">[2]事業分類・区分!$B$2:$H$2</definedName>
    <definedName name="南海トラフ地震に係る津波避難対策緊急事業" localSheetId="0">#REF!</definedName>
    <definedName name="南海トラフ地震に係る津波避難対策緊急事業" localSheetId="8">#REF!</definedName>
    <definedName name="南海トラフ地震に係る津波避難対策緊急事業" localSheetId="6">#REF!</definedName>
    <definedName name="南海トラフ地震に係る津波避難対策緊急事業" localSheetId="7">#REF!</definedName>
    <definedName name="南海トラフ地震に係る津波避難対策緊急事業" localSheetId="1">#REF!</definedName>
    <definedName name="南海トラフ地震に係る津波避難対策緊急事業" localSheetId="14">#REF!</definedName>
    <definedName name="南海トラフ地震に係る津波避難対策緊急事業" localSheetId="13">#REF!</definedName>
    <definedName name="南海トラフ地震に係る津波避難対策緊急事業" localSheetId="15">#REF!</definedName>
    <definedName name="南海トラフ地震に係る津波避難対策緊急事業" localSheetId="11">#REF!</definedName>
    <definedName name="南海トラフ地震に係る津波避難対策緊急事業">#REF!</definedName>
    <definedName name="病床確保料" localSheetId="0">#REF!</definedName>
    <definedName name="病床確保料" localSheetId="8">#REF!</definedName>
    <definedName name="病床確保料" localSheetId="6">#REF!</definedName>
    <definedName name="病床確保料" localSheetId="7">#REF!</definedName>
    <definedName name="病床確保料" localSheetId="14">#REF!</definedName>
    <definedName name="病床確保料" localSheetId="13">#REF!</definedName>
    <definedName name="病床確保料" localSheetId="15">#REF!</definedName>
    <definedName name="病床確保料" localSheetId="16">#REF!</definedName>
    <definedName name="病床確保料" localSheetId="18">#REF!</definedName>
    <definedName name="病床確保料" localSheetId="11">#REF!</definedName>
    <definedName name="病床確保料">#REF!</definedName>
    <definedName name="分娩取扱施設施設整備事業" localSheetId="0">#REF!</definedName>
    <definedName name="分娩取扱施設施設整備事業" localSheetId="8">#REF!</definedName>
    <definedName name="分娩取扱施設施設整備事業" localSheetId="6">#REF!</definedName>
    <definedName name="分娩取扱施設施設整備事業" localSheetId="7">#REF!</definedName>
    <definedName name="分娩取扱施設施設整備事業" localSheetId="14">#REF!</definedName>
    <definedName name="分娩取扱施設施設整備事業" localSheetId="13">#REF!</definedName>
    <definedName name="分娩取扱施設施設整備事業" localSheetId="15">#REF!</definedName>
    <definedName name="分娩取扱施設施設整備事業" localSheetId="11">#REF!</definedName>
    <definedName name="分娩取扱施設施設整備事業">#REF!</definedName>
    <definedName name="別紙１７" localSheetId="8" hidden="1">#REF!</definedName>
    <definedName name="別紙１７" localSheetId="6" hidden="1">#REF!</definedName>
    <definedName name="別紙１７" localSheetId="7" hidden="1">#REF!</definedName>
    <definedName name="別紙１７" localSheetId="11" hidden="1">#REF!</definedName>
    <definedName name="別紙１７" hidden="1">#REF!</definedName>
    <definedName name="別紙３１" localSheetId="8" hidden="1">#REF!</definedName>
    <definedName name="別紙３１" localSheetId="6" hidden="1">#REF!</definedName>
    <definedName name="別紙３１" localSheetId="7" hidden="1">#REF!</definedName>
    <definedName name="別紙３１" localSheetId="11" hidden="1">#REF!</definedName>
    <definedName name="別紙３１" hidden="1">#REF!</definedName>
    <definedName name="変更" localSheetId="6" hidden="1">#REF!</definedName>
    <definedName name="変更" localSheetId="11" hidden="1">#REF!</definedName>
    <definedName name="変更" hidden="1">#REF!</definedName>
    <definedName name="補助事業名" localSheetId="0">#REF!</definedName>
    <definedName name="補助事業名" localSheetId="8">#REF!</definedName>
    <definedName name="補助事業名" localSheetId="6">#REF!</definedName>
    <definedName name="補助事業名" localSheetId="7">#REF!</definedName>
    <definedName name="補助事業名" localSheetId="14">#REF!</definedName>
    <definedName name="補助事業名" localSheetId="13">#REF!</definedName>
    <definedName name="補助事業名" localSheetId="15">#REF!</definedName>
    <definedName name="補助事業名" localSheetId="11">#REF!</definedName>
    <definedName name="補助事業名">#REF!</definedName>
    <definedName name="有床診療所等スプリンクラー等施設整備事業" localSheetId="0">#REF!</definedName>
    <definedName name="有床診療所等スプリンクラー等施設整備事業" localSheetId="8">#REF!</definedName>
    <definedName name="有床診療所等スプリンクラー等施設整備事業" localSheetId="6">#REF!</definedName>
    <definedName name="有床診療所等スプリンクラー等施設整備事業" localSheetId="7">#REF!</definedName>
    <definedName name="有床診療所等スプリンクラー等施設整備事業" localSheetId="14">#REF!</definedName>
    <definedName name="有床診療所等スプリンクラー等施設整備事業" localSheetId="13">#REF!</definedName>
    <definedName name="有床診療所等スプリンクラー等施設整備事業" localSheetId="15">#REF!</definedName>
    <definedName name="有床診療所等スプリンクラー等施設整備事業" localSheetId="11">#REF!</definedName>
    <definedName name="有床診療所等スプリンクラー等施設整備事業">#REF!</definedName>
    <definedName name="離島等患者宿泊施設施設整備事業" localSheetId="0">#REF!</definedName>
    <definedName name="離島等患者宿泊施設施設整備事業" localSheetId="8">#REF!</definedName>
    <definedName name="離島等患者宿泊施設施設整備事業" localSheetId="6">#REF!</definedName>
    <definedName name="離島等患者宿泊施設施設整備事業" localSheetId="7">#REF!</definedName>
    <definedName name="離島等患者宿泊施設施設整備事業" localSheetId="14">#REF!</definedName>
    <definedName name="離島等患者宿泊施設施設整備事業" localSheetId="13">#REF!</definedName>
    <definedName name="離島等患者宿泊施設施設整備事業" localSheetId="15">#REF!</definedName>
    <definedName name="離島等患者宿泊施設施設整備事業" localSheetId="11">#REF!</definedName>
    <definedName name="離島等患者宿泊施設施設整備事業">#REF!</definedName>
    <definedName name="臨床研修病院施設整備事業" localSheetId="0">#REF!</definedName>
    <definedName name="臨床研修病院施設整備事業" localSheetId="8">#REF!</definedName>
    <definedName name="臨床研修病院施設整備事業" localSheetId="6">#REF!</definedName>
    <definedName name="臨床研修病院施設整備事業" localSheetId="7">#REF!</definedName>
    <definedName name="臨床研修病院施設整備事業" localSheetId="14">#REF!</definedName>
    <definedName name="臨床研修病院施設整備事業" localSheetId="13">#REF!</definedName>
    <definedName name="臨床研修病院施設整備事業" localSheetId="15">#REF!</definedName>
    <definedName name="臨床研修病院施設整備事業" localSheetId="11">#REF!</definedName>
    <definedName name="臨床研修病院施設整備事業">#REF!</definedName>
  </definedNames>
  <calcPr calcId="162913"/>
  <customWorkbookViews>
    <customWorkbookView name="user - 個人用ビュー" guid="{75F8A93C-F5BA-4FE5-85C6-88804E4D71E6}" mergeInterval="0" personalView="1" maximized="1" xWindow="-9" yWindow="-9" windowWidth="1938" windowHeight="1048" tabRatio="782" activeSheetId="7" showComments="commIndAndComment"/>
    <customWorkbookView name="kent_mizuochi - 個人用ビュー" guid="{00E5FA86-1172-4EED-8DB5-202766590116}" mergeInterval="0" personalView="1" maximized="1" xWindow="-11" yWindow="-11" windowWidth="1942" windowHeight="1222" tabRatio="861" activeSheetId="2"/>
  </customWorkbookViews>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U3" i="33" l="1"/>
  <c r="AA3" i="33"/>
  <c r="AB3" i="33" s="1"/>
  <c r="AC3" i="33" s="1"/>
  <c r="AA4" i="33"/>
  <c r="AB4" i="33" s="1"/>
  <c r="AC4" i="33" s="1"/>
  <c r="U4" i="33" s="1"/>
  <c r="AA5" i="33"/>
  <c r="AB5" i="33" s="1"/>
  <c r="AC5" i="33" s="1"/>
  <c r="U5" i="33" s="1"/>
  <c r="AA2" i="33"/>
  <c r="AB2" i="33" s="1"/>
  <c r="AC2" i="33" s="1"/>
  <c r="U2" i="33" s="1"/>
  <c r="D23" i="11" l="1"/>
  <c r="D24" i="11"/>
  <c r="D25" i="11"/>
  <c r="D26" i="11"/>
  <c r="D27" i="11"/>
  <c r="D28" i="11"/>
  <c r="D29" i="11"/>
  <c r="D30" i="11"/>
  <c r="D31" i="11"/>
  <c r="D22" i="11"/>
  <c r="H23" i="9"/>
  <c r="H24" i="9"/>
  <c r="H25" i="9"/>
  <c r="H26" i="9"/>
  <c r="H27" i="9"/>
  <c r="H28" i="9"/>
  <c r="H29" i="9"/>
  <c r="H30" i="9"/>
  <c r="H31" i="9"/>
  <c r="H22" i="9"/>
  <c r="F23" i="9"/>
  <c r="F24" i="9"/>
  <c r="F25" i="9"/>
  <c r="F26" i="9"/>
  <c r="F27" i="9"/>
  <c r="F28" i="9"/>
  <c r="F29" i="9"/>
  <c r="F30" i="9"/>
  <c r="F31" i="9"/>
  <c r="F22" i="9"/>
  <c r="E23" i="9"/>
  <c r="E24" i="9"/>
  <c r="E25" i="9"/>
  <c r="E26" i="9"/>
  <c r="E27" i="9"/>
  <c r="E28" i="9"/>
  <c r="E29" i="9"/>
  <c r="E30" i="9"/>
  <c r="E31" i="9"/>
  <c r="E22" i="9"/>
  <c r="D31" i="9"/>
  <c r="D23" i="9"/>
  <c r="D24" i="9"/>
  <c r="D25" i="9"/>
  <c r="D26" i="9"/>
  <c r="D27" i="9"/>
  <c r="D28" i="9"/>
  <c r="D29" i="9"/>
  <c r="D30" i="9"/>
  <c r="D22" i="9"/>
  <c r="C23" i="9"/>
  <c r="C24" i="9"/>
  <c r="C25" i="9"/>
  <c r="C26" i="9"/>
  <c r="C27" i="9"/>
  <c r="C28" i="9"/>
  <c r="C29" i="9"/>
  <c r="C30" i="9"/>
  <c r="C31" i="9"/>
  <c r="C22" i="9"/>
  <c r="D13" i="11"/>
  <c r="D14" i="11"/>
  <c r="D15" i="11"/>
  <c r="D16" i="11"/>
  <c r="D17" i="11"/>
  <c r="D18" i="11"/>
  <c r="D19" i="11"/>
  <c r="D20" i="11"/>
  <c r="D21" i="11"/>
  <c r="D12" i="11"/>
  <c r="C17" i="11"/>
  <c r="C18" i="11"/>
  <c r="C19" i="11"/>
  <c r="C20" i="11"/>
  <c r="C21" i="11"/>
  <c r="C13" i="11"/>
  <c r="C14" i="11"/>
  <c r="C15" i="11"/>
  <c r="C16" i="11"/>
  <c r="C12" i="11"/>
  <c r="I24" i="31"/>
  <c r="H17" i="28" l="1"/>
  <c r="I6" i="13"/>
  <c r="E11" i="29" l="1"/>
  <c r="E11" i="30"/>
  <c r="E11" i="31"/>
  <c r="E11" i="32"/>
  <c r="AA126" i="7" l="1"/>
  <c r="AA130" i="7"/>
  <c r="AA125" i="7"/>
  <c r="AA127" i="7"/>
  <c r="AA128" i="7"/>
  <c r="AA129" i="7"/>
  <c r="AA131" i="7"/>
  <c r="AA132" i="7"/>
  <c r="AA133" i="7"/>
  <c r="AA124" i="7"/>
  <c r="G105" i="6"/>
  <c r="G99" i="6"/>
  <c r="G100" i="6"/>
  <c r="G101" i="6"/>
  <c r="G102" i="6"/>
  <c r="G103" i="6"/>
  <c r="G104" i="6"/>
  <c r="G106" i="6"/>
  <c r="G107" i="6"/>
  <c r="G98" i="6"/>
  <c r="G48" i="6"/>
  <c r="G49" i="6"/>
  <c r="G50" i="6"/>
  <c r="G51" i="6"/>
  <c r="G52" i="6"/>
  <c r="G53" i="6"/>
  <c r="G54" i="6"/>
  <c r="G55" i="6"/>
  <c r="G56" i="6"/>
  <c r="G47" i="6"/>
  <c r="K42" i="6"/>
  <c r="AB123" i="5"/>
  <c r="AB118" i="5"/>
  <c r="AB119" i="5"/>
  <c r="AB120" i="5"/>
  <c r="AB121" i="5"/>
  <c r="AB122" i="5"/>
  <c r="AB124" i="5"/>
  <c r="AB125" i="5"/>
  <c r="AB126" i="5"/>
  <c r="AB117" i="5"/>
  <c r="AB55" i="5"/>
  <c r="AB48" i="5"/>
  <c r="AB49" i="5"/>
  <c r="AB50" i="5"/>
  <c r="AB51" i="5"/>
  <c r="AB52" i="5"/>
  <c r="AB53" i="5"/>
  <c r="AB54" i="5"/>
  <c r="AB56" i="5"/>
  <c r="AB47" i="5"/>
  <c r="G107" i="4" l="1"/>
  <c r="G102" i="4"/>
  <c r="G103" i="4"/>
  <c r="G104" i="4"/>
  <c r="G105" i="4"/>
  <c r="G106" i="4"/>
  <c r="G108" i="4"/>
  <c r="G109" i="4"/>
  <c r="G110" i="4"/>
  <c r="G101" i="4"/>
  <c r="G52" i="4"/>
  <c r="G53" i="4"/>
  <c r="G54" i="4"/>
  <c r="G55" i="4"/>
  <c r="G56" i="4"/>
  <c r="G48" i="4" l="1"/>
  <c r="G49" i="4"/>
  <c r="G50" i="4"/>
  <c r="G51" i="4"/>
  <c r="G47" i="4"/>
  <c r="V5" i="33" l="1"/>
  <c r="E5" i="33"/>
  <c r="V4" i="33"/>
  <c r="E4" i="33"/>
  <c r="V3" i="33"/>
  <c r="AH45" i="5"/>
  <c r="I3" i="33" s="1"/>
  <c r="J3" i="33" s="1"/>
  <c r="E3" i="33"/>
  <c r="B3" i="33"/>
  <c r="C3" i="33"/>
  <c r="B4" i="33"/>
  <c r="C4" i="33"/>
  <c r="B5" i="33"/>
  <c r="C5" i="33"/>
  <c r="B2" i="33"/>
  <c r="V2" i="33" l="1"/>
  <c r="K46" i="4"/>
  <c r="E2" i="33"/>
  <c r="C2" i="33"/>
  <c r="D27" i="13" l="1"/>
  <c r="G57" i="4" l="1"/>
  <c r="H23" i="11" l="1"/>
  <c r="H24" i="11"/>
  <c r="H25" i="11"/>
  <c r="H26" i="11"/>
  <c r="H27" i="11"/>
  <c r="H28" i="11"/>
  <c r="H29" i="11"/>
  <c r="H30" i="11"/>
  <c r="H31" i="11"/>
  <c r="H22" i="11"/>
  <c r="H13" i="11"/>
  <c r="H14" i="11"/>
  <c r="H15" i="11"/>
  <c r="H16" i="11"/>
  <c r="H17" i="11"/>
  <c r="H18" i="11"/>
  <c r="H19" i="11"/>
  <c r="H20" i="11"/>
  <c r="H21" i="11"/>
  <c r="H12" i="11"/>
  <c r="H31" i="10"/>
  <c r="H23" i="10"/>
  <c r="H24" i="10"/>
  <c r="H25" i="10"/>
  <c r="H26" i="10"/>
  <c r="H27" i="10"/>
  <c r="H28" i="10"/>
  <c r="H29" i="10"/>
  <c r="H30" i="10"/>
  <c r="H22" i="10"/>
  <c r="H13" i="10"/>
  <c r="H14" i="10"/>
  <c r="H15" i="10"/>
  <c r="H16" i="10"/>
  <c r="H17" i="10"/>
  <c r="H18" i="10"/>
  <c r="H19" i="10"/>
  <c r="H20" i="10"/>
  <c r="H21" i="10"/>
  <c r="H12" i="10"/>
  <c r="B13" i="9"/>
  <c r="B14" i="9"/>
  <c r="B15" i="9"/>
  <c r="B16" i="9"/>
  <c r="B17" i="9"/>
  <c r="B18" i="9"/>
  <c r="B19" i="9"/>
  <c r="B20" i="9"/>
  <c r="B21" i="9"/>
  <c r="B12" i="9"/>
  <c r="B35" i="9" s="1"/>
  <c r="H13" i="9"/>
  <c r="H14" i="9"/>
  <c r="H15" i="9"/>
  <c r="H16" i="9"/>
  <c r="H17" i="9"/>
  <c r="H18" i="9"/>
  <c r="H19" i="9"/>
  <c r="H20" i="9"/>
  <c r="H21" i="9"/>
  <c r="H12" i="9"/>
  <c r="A36" i="29"/>
  <c r="I22" i="29"/>
  <c r="A22" i="29" s="1"/>
  <c r="A28" i="29"/>
  <c r="A29" i="29"/>
  <c r="A30" i="29"/>
  <c r="A31" i="29"/>
  <c r="A27" i="29"/>
  <c r="O28" i="29"/>
  <c r="O29" i="29"/>
  <c r="O30" i="29"/>
  <c r="O31" i="29"/>
  <c r="O27" i="29"/>
  <c r="K28" i="29"/>
  <c r="K29" i="29"/>
  <c r="K30" i="29"/>
  <c r="K31" i="29"/>
  <c r="K27" i="29"/>
  <c r="I28" i="29"/>
  <c r="Q28" i="29" s="1"/>
  <c r="I29" i="29"/>
  <c r="Q29" i="29" s="1"/>
  <c r="I30" i="29"/>
  <c r="Q30" i="29" s="1"/>
  <c r="I31" i="29"/>
  <c r="Q31" i="29" s="1"/>
  <c r="I27" i="29"/>
  <c r="Q27" i="29" s="1"/>
  <c r="G28" i="29"/>
  <c r="G29" i="29"/>
  <c r="G30" i="29"/>
  <c r="G31" i="29"/>
  <c r="G27" i="29"/>
  <c r="E28" i="29"/>
  <c r="E29" i="29"/>
  <c r="E30" i="29"/>
  <c r="E31" i="29"/>
  <c r="E27" i="29"/>
  <c r="O23" i="29"/>
  <c r="O24" i="29"/>
  <c r="O25" i="29"/>
  <c r="O26" i="29"/>
  <c r="O22" i="29"/>
  <c r="K23" i="29"/>
  <c r="K24" i="29"/>
  <c r="K25" i="29"/>
  <c r="K26" i="29"/>
  <c r="K22" i="29"/>
  <c r="I23" i="29"/>
  <c r="A23" i="29" s="1"/>
  <c r="I24" i="29"/>
  <c r="A24" i="29" s="1"/>
  <c r="I25" i="29"/>
  <c r="A25" i="29" s="1"/>
  <c r="I26" i="29"/>
  <c r="A26" i="29" s="1"/>
  <c r="G23" i="29"/>
  <c r="G24" i="29"/>
  <c r="G25" i="29"/>
  <c r="G26" i="29"/>
  <c r="G22" i="29"/>
  <c r="E23" i="29"/>
  <c r="E24" i="29"/>
  <c r="E25" i="29"/>
  <c r="E26" i="29"/>
  <c r="E22" i="29"/>
  <c r="L11" i="29"/>
  <c r="A36" i="30"/>
  <c r="I22" i="30"/>
  <c r="A22" i="30" s="1"/>
  <c r="A24" i="30"/>
  <c r="A25" i="30"/>
  <c r="Q31" i="30"/>
  <c r="O28" i="30"/>
  <c r="O29" i="30"/>
  <c r="O30" i="30"/>
  <c r="O31" i="30"/>
  <c r="O27" i="30"/>
  <c r="K28" i="30"/>
  <c r="K29" i="30"/>
  <c r="K30" i="30"/>
  <c r="K31" i="30"/>
  <c r="K27" i="30"/>
  <c r="I28" i="30"/>
  <c r="Q28" i="30" s="1"/>
  <c r="I29" i="30"/>
  <c r="Q29" i="30" s="1"/>
  <c r="I30" i="30"/>
  <c r="Q30" i="30" s="1"/>
  <c r="I31" i="30"/>
  <c r="I27" i="30"/>
  <c r="Q27" i="30" s="1"/>
  <c r="G28" i="30"/>
  <c r="G29" i="30"/>
  <c r="G30" i="30"/>
  <c r="G31" i="30"/>
  <c r="G27" i="30"/>
  <c r="A28" i="30"/>
  <c r="A29" i="30"/>
  <c r="A30" i="30"/>
  <c r="A31" i="30"/>
  <c r="A27" i="30"/>
  <c r="E28" i="30"/>
  <c r="E29" i="30"/>
  <c r="E30" i="30"/>
  <c r="E31" i="30"/>
  <c r="E27" i="30"/>
  <c r="O23" i="30"/>
  <c r="O24" i="30"/>
  <c r="O25" i="30"/>
  <c r="O26" i="30"/>
  <c r="O22" i="30"/>
  <c r="K23" i="30"/>
  <c r="K24" i="30"/>
  <c r="K25" i="30"/>
  <c r="K26" i="30"/>
  <c r="K22" i="30"/>
  <c r="I26" i="30"/>
  <c r="A26" i="30" s="1"/>
  <c r="I23" i="30"/>
  <c r="Q23" i="30" s="1"/>
  <c r="I24" i="30"/>
  <c r="Q24" i="30" s="1"/>
  <c r="I25" i="30"/>
  <c r="Q25" i="30" s="1"/>
  <c r="G23" i="30"/>
  <c r="G24" i="30"/>
  <c r="G25" i="30"/>
  <c r="G26" i="30"/>
  <c r="G22" i="30"/>
  <c r="E23" i="30"/>
  <c r="E24" i="30"/>
  <c r="E25" i="30"/>
  <c r="E26" i="30"/>
  <c r="E22" i="30"/>
  <c r="L11" i="30"/>
  <c r="K22" i="31"/>
  <c r="I22" i="31"/>
  <c r="Q22" i="31" s="1"/>
  <c r="Q24" i="31"/>
  <c r="O28" i="31"/>
  <c r="O29" i="31"/>
  <c r="O30" i="31"/>
  <c r="O31" i="31"/>
  <c r="O27" i="31"/>
  <c r="O23" i="31"/>
  <c r="O24" i="31"/>
  <c r="O25" i="31"/>
  <c r="O26" i="31"/>
  <c r="O22" i="31"/>
  <c r="K28" i="31"/>
  <c r="K29" i="31"/>
  <c r="K30" i="31"/>
  <c r="K31" i="31"/>
  <c r="K27" i="31"/>
  <c r="K23" i="31"/>
  <c r="K24" i="31"/>
  <c r="K25" i="31"/>
  <c r="K26" i="31"/>
  <c r="I28" i="31"/>
  <c r="Q28" i="31" s="1"/>
  <c r="I29" i="31"/>
  <c r="Q29" i="31" s="1"/>
  <c r="I30" i="31"/>
  <c r="Q30" i="31" s="1"/>
  <c r="I31" i="31"/>
  <c r="Q31" i="31" s="1"/>
  <c r="I27" i="31"/>
  <c r="Q27" i="31" s="1"/>
  <c r="I23" i="31"/>
  <c r="Q23" i="31" s="1"/>
  <c r="I25" i="31"/>
  <c r="Q25" i="31" s="1"/>
  <c r="I26" i="31"/>
  <c r="Q26" i="31" s="1"/>
  <c r="G28" i="31"/>
  <c r="G29" i="31"/>
  <c r="G30" i="31"/>
  <c r="G31" i="31"/>
  <c r="G27" i="31"/>
  <c r="G23" i="31"/>
  <c r="G24" i="31"/>
  <c r="G25" i="31"/>
  <c r="G26" i="31"/>
  <c r="G22" i="31"/>
  <c r="E28" i="31"/>
  <c r="E29" i="31"/>
  <c r="E30" i="31"/>
  <c r="E31" i="31"/>
  <c r="E27" i="31"/>
  <c r="E23" i="31"/>
  <c r="E24" i="31"/>
  <c r="E25" i="31"/>
  <c r="E26" i="31"/>
  <c r="E22" i="31"/>
  <c r="A28" i="31"/>
  <c r="A29" i="31"/>
  <c r="A30" i="31"/>
  <c r="A31" i="31"/>
  <c r="A27" i="31"/>
  <c r="A23" i="31"/>
  <c r="A24" i="31"/>
  <c r="A25" i="31"/>
  <c r="A26" i="31"/>
  <c r="A22" i="31"/>
  <c r="L11" i="31"/>
  <c r="A36" i="31"/>
  <c r="H23" i="8"/>
  <c r="H24" i="8"/>
  <c r="H25" i="8"/>
  <c r="H26" i="8"/>
  <c r="H27" i="8"/>
  <c r="H28" i="8"/>
  <c r="H29" i="8"/>
  <c r="H30" i="8"/>
  <c r="H31" i="8"/>
  <c r="H22" i="8"/>
  <c r="H21" i="8"/>
  <c r="H13" i="8"/>
  <c r="H14" i="8"/>
  <c r="H15" i="8"/>
  <c r="H16" i="8"/>
  <c r="H17" i="8"/>
  <c r="H18" i="8"/>
  <c r="H19" i="8"/>
  <c r="H20" i="8"/>
  <c r="H12" i="8"/>
  <c r="C6" i="11"/>
  <c r="C6" i="10"/>
  <c r="C6" i="9"/>
  <c r="C6" i="8"/>
  <c r="Q26" i="29" l="1"/>
  <c r="Q25" i="29"/>
  <c r="Q24" i="29"/>
  <c r="Q23" i="29"/>
  <c r="A23" i="30"/>
  <c r="Q26" i="30"/>
  <c r="Q22" i="30"/>
  <c r="Q22" i="29"/>
  <c r="AA57" i="7"/>
  <c r="AA56" i="7"/>
  <c r="AA52" i="7"/>
  <c r="AA53" i="7"/>
  <c r="AA54" i="7"/>
  <c r="AA55" i="7"/>
  <c r="AA58" i="7"/>
  <c r="AA59" i="7"/>
  <c r="AA60" i="7"/>
  <c r="AA51" i="7"/>
  <c r="O28" i="32"/>
  <c r="O29" i="32"/>
  <c r="O30" i="32"/>
  <c r="O31" i="32"/>
  <c r="O27" i="32"/>
  <c r="K28" i="32"/>
  <c r="K29" i="32"/>
  <c r="K30" i="32"/>
  <c r="K31" i="32"/>
  <c r="K27" i="32"/>
  <c r="I28" i="32"/>
  <c r="I29" i="32"/>
  <c r="I30" i="32"/>
  <c r="I31" i="32"/>
  <c r="I27" i="32"/>
  <c r="Q27" i="32" s="1"/>
  <c r="G28" i="32"/>
  <c r="G29" i="32"/>
  <c r="G30" i="32"/>
  <c r="G31" i="32"/>
  <c r="G27" i="32"/>
  <c r="E28" i="32"/>
  <c r="E29" i="32"/>
  <c r="E30" i="32"/>
  <c r="E31" i="32"/>
  <c r="E27" i="32"/>
  <c r="A28" i="32"/>
  <c r="A29" i="32"/>
  <c r="A30" i="32"/>
  <c r="A31" i="32"/>
  <c r="A27" i="32"/>
  <c r="A23" i="32"/>
  <c r="A24" i="32"/>
  <c r="A25" i="32"/>
  <c r="A26" i="32"/>
  <c r="I22" i="32"/>
  <c r="A22" i="32" s="1"/>
  <c r="Q23" i="32"/>
  <c r="Q24" i="32"/>
  <c r="Q25" i="32"/>
  <c r="Q26" i="32"/>
  <c r="Q28" i="32"/>
  <c r="Q29" i="32"/>
  <c r="Q30" i="32"/>
  <c r="Q31" i="32"/>
  <c r="O23" i="32"/>
  <c r="O24" i="32"/>
  <c r="O25" i="32"/>
  <c r="O26" i="32"/>
  <c r="O22" i="32"/>
  <c r="K23" i="32"/>
  <c r="K24" i="32"/>
  <c r="K25" i="32"/>
  <c r="K26" i="32"/>
  <c r="K22" i="32"/>
  <c r="I23" i="32"/>
  <c r="I24" i="32"/>
  <c r="I25" i="32"/>
  <c r="I26" i="32"/>
  <c r="G23" i="32"/>
  <c r="G24" i="32"/>
  <c r="G25" i="32"/>
  <c r="G26" i="32"/>
  <c r="G22" i="32"/>
  <c r="E23" i="32"/>
  <c r="E24" i="32"/>
  <c r="E25" i="32"/>
  <c r="E26" i="32"/>
  <c r="E22" i="32"/>
  <c r="A36" i="32"/>
  <c r="L11" i="32"/>
  <c r="A11" i="32"/>
  <c r="Q22" i="32" l="1"/>
  <c r="AB127" i="5"/>
  <c r="G57" i="6"/>
  <c r="AA134" i="7"/>
  <c r="AB57" i="5"/>
  <c r="G108" i="6"/>
  <c r="AH57" i="5" l="1"/>
  <c r="G3" i="33" s="1"/>
  <c r="K3" i="33" s="1"/>
  <c r="A17" i="29"/>
  <c r="A16" i="29"/>
  <c r="A17" i="30"/>
  <c r="A16" i="30"/>
  <c r="A17" i="31"/>
  <c r="A16" i="31"/>
  <c r="J17" i="29"/>
  <c r="J16" i="29"/>
  <c r="J17" i="30"/>
  <c r="J16" i="30"/>
  <c r="J17" i="31"/>
  <c r="J16" i="31"/>
  <c r="J17" i="32"/>
  <c r="J16" i="32"/>
  <c r="A16" i="32"/>
  <c r="A17" i="32"/>
  <c r="A11" i="29"/>
  <c r="A11" i="30"/>
  <c r="A11" i="31"/>
  <c r="M31" i="32" l="1"/>
  <c r="M30" i="32"/>
  <c r="M29" i="32"/>
  <c r="M28" i="32"/>
  <c r="M27" i="32"/>
  <c r="M26" i="32"/>
  <c r="M25" i="32"/>
  <c r="M24" i="32"/>
  <c r="M23" i="32"/>
  <c r="M22" i="32"/>
  <c r="M31" i="31"/>
  <c r="M30" i="31"/>
  <c r="M29" i="31"/>
  <c r="M28" i="31"/>
  <c r="M27" i="31"/>
  <c r="M26" i="31"/>
  <c r="M25" i="31"/>
  <c r="M24" i="31"/>
  <c r="M23" i="31"/>
  <c r="M22" i="31"/>
  <c r="M31" i="30"/>
  <c r="M30" i="30"/>
  <c r="M29" i="30"/>
  <c r="M28" i="30"/>
  <c r="M27" i="30"/>
  <c r="M26" i="30"/>
  <c r="M25" i="30"/>
  <c r="M24" i="30"/>
  <c r="M23" i="30"/>
  <c r="M22" i="30"/>
  <c r="M22" i="29"/>
  <c r="M23" i="29"/>
  <c r="M24" i="29"/>
  <c r="M25" i="29"/>
  <c r="M26" i="29"/>
  <c r="M27" i="29"/>
  <c r="M28" i="29"/>
  <c r="M29" i="29"/>
  <c r="M30" i="29"/>
  <c r="M31" i="29"/>
  <c r="M32" i="32" l="1"/>
  <c r="D2" i="33" s="1"/>
  <c r="F2" i="33" s="1"/>
  <c r="M32" i="29"/>
  <c r="D5" i="33" s="1"/>
  <c r="F5" i="33" s="1"/>
  <c r="M32" i="30"/>
  <c r="D4" i="33" s="1"/>
  <c r="F4" i="33" s="1"/>
  <c r="M32" i="31"/>
  <c r="D3" i="33" s="1"/>
  <c r="F3" i="33" s="1"/>
  <c r="Y3" i="33" s="1"/>
  <c r="L3" i="33" s="1"/>
  <c r="K38" i="4"/>
  <c r="I2" i="33" s="1"/>
  <c r="J2" i="33" s="1"/>
  <c r="G44" i="11" l="1"/>
  <c r="G40" i="11"/>
  <c r="G41" i="11"/>
  <c r="G42" i="11"/>
  <c r="G43" i="11"/>
  <c r="C23" i="11"/>
  <c r="E23" i="11"/>
  <c r="F23" i="11"/>
  <c r="C24" i="11"/>
  <c r="E24" i="11"/>
  <c r="F24" i="11"/>
  <c r="C25" i="11"/>
  <c r="E25" i="11"/>
  <c r="F25" i="11"/>
  <c r="C26" i="11"/>
  <c r="E26" i="11"/>
  <c r="F26" i="11"/>
  <c r="C27" i="11"/>
  <c r="E27" i="11"/>
  <c r="F27" i="11"/>
  <c r="C28" i="11"/>
  <c r="E28" i="11"/>
  <c r="F28" i="11"/>
  <c r="C29" i="11"/>
  <c r="E29" i="11"/>
  <c r="F29" i="11"/>
  <c r="C30" i="11"/>
  <c r="E30" i="11"/>
  <c r="F30" i="11"/>
  <c r="C31" i="11"/>
  <c r="E31" i="11"/>
  <c r="F31" i="11"/>
  <c r="E13" i="11"/>
  <c r="F13" i="11"/>
  <c r="E14" i="11"/>
  <c r="F14" i="11"/>
  <c r="E15" i="11"/>
  <c r="F15" i="11"/>
  <c r="E16" i="11"/>
  <c r="F16" i="11"/>
  <c r="E17" i="11"/>
  <c r="F17" i="11"/>
  <c r="E18" i="11"/>
  <c r="F18" i="11"/>
  <c r="E19" i="11"/>
  <c r="F19" i="11"/>
  <c r="E20" i="11"/>
  <c r="F20" i="11"/>
  <c r="E21" i="11"/>
  <c r="F21" i="11"/>
  <c r="G40" i="10"/>
  <c r="G41" i="10"/>
  <c r="G42" i="10"/>
  <c r="G43" i="10"/>
  <c r="G44" i="10"/>
  <c r="C23" i="10"/>
  <c r="D23" i="10"/>
  <c r="E23" i="10"/>
  <c r="F23" i="10"/>
  <c r="C24" i="10"/>
  <c r="D24" i="10"/>
  <c r="E24" i="10"/>
  <c r="F24" i="10"/>
  <c r="C25" i="10"/>
  <c r="D25" i="10"/>
  <c r="E25" i="10"/>
  <c r="F25" i="10"/>
  <c r="C26" i="10"/>
  <c r="D26" i="10"/>
  <c r="E26" i="10"/>
  <c r="F26" i="10"/>
  <c r="C27" i="10"/>
  <c r="D27" i="10"/>
  <c r="E27" i="10"/>
  <c r="F27" i="10"/>
  <c r="C28" i="10"/>
  <c r="D28" i="10"/>
  <c r="E28" i="10"/>
  <c r="F28" i="10"/>
  <c r="C29" i="10"/>
  <c r="D29" i="10"/>
  <c r="E29" i="10"/>
  <c r="F29" i="10"/>
  <c r="C30" i="10"/>
  <c r="D30" i="10"/>
  <c r="E30" i="10"/>
  <c r="F30" i="10"/>
  <c r="C31" i="10"/>
  <c r="D31" i="10"/>
  <c r="E31" i="10"/>
  <c r="F31" i="10"/>
  <c r="C13" i="10"/>
  <c r="D13" i="10"/>
  <c r="E13" i="10"/>
  <c r="F13" i="10"/>
  <c r="C14" i="10"/>
  <c r="D14" i="10"/>
  <c r="E14" i="10"/>
  <c r="F14" i="10"/>
  <c r="C15" i="10"/>
  <c r="D15" i="10"/>
  <c r="E15" i="10"/>
  <c r="F15" i="10"/>
  <c r="C16" i="10"/>
  <c r="D16" i="10"/>
  <c r="E16" i="10"/>
  <c r="F16" i="10"/>
  <c r="C17" i="10"/>
  <c r="D17" i="10"/>
  <c r="E17" i="10"/>
  <c r="F17" i="10"/>
  <c r="C18" i="10"/>
  <c r="D18" i="10"/>
  <c r="E18" i="10"/>
  <c r="F18" i="10"/>
  <c r="C19" i="10"/>
  <c r="D19" i="10"/>
  <c r="E19" i="10"/>
  <c r="F19" i="10"/>
  <c r="C20" i="10"/>
  <c r="D20" i="10"/>
  <c r="E20" i="10"/>
  <c r="F20" i="10"/>
  <c r="C21" i="10"/>
  <c r="D21" i="10"/>
  <c r="E21" i="10"/>
  <c r="F21" i="10"/>
  <c r="G40" i="9"/>
  <c r="G41" i="9"/>
  <c r="G42" i="9"/>
  <c r="G43" i="9"/>
  <c r="G44" i="9"/>
  <c r="C14" i="9"/>
  <c r="D14" i="9"/>
  <c r="E14" i="9"/>
  <c r="F14" i="9"/>
  <c r="C15" i="9"/>
  <c r="D15" i="9"/>
  <c r="E15" i="9"/>
  <c r="F15" i="9"/>
  <c r="C16" i="9"/>
  <c r="D16" i="9"/>
  <c r="E16" i="9"/>
  <c r="F16" i="9"/>
  <c r="C17" i="9"/>
  <c r="D17" i="9"/>
  <c r="E17" i="9"/>
  <c r="F17" i="9"/>
  <c r="C18" i="9"/>
  <c r="D18" i="9"/>
  <c r="E18" i="9"/>
  <c r="F18" i="9"/>
  <c r="C19" i="9"/>
  <c r="D19" i="9"/>
  <c r="E19" i="9"/>
  <c r="F19" i="9"/>
  <c r="C20" i="9"/>
  <c r="D20" i="9"/>
  <c r="E20" i="9"/>
  <c r="F20" i="9"/>
  <c r="C21" i="9"/>
  <c r="D21" i="9"/>
  <c r="E21" i="9"/>
  <c r="F21" i="9"/>
  <c r="G40" i="8"/>
  <c r="G41" i="8"/>
  <c r="G42" i="8"/>
  <c r="G43" i="8"/>
  <c r="G44" i="8"/>
  <c r="C23" i="8"/>
  <c r="D23" i="8"/>
  <c r="E23" i="8"/>
  <c r="F23" i="8"/>
  <c r="C24" i="8"/>
  <c r="D24" i="8"/>
  <c r="E24" i="8"/>
  <c r="F24" i="8"/>
  <c r="C25" i="8"/>
  <c r="D25" i="8"/>
  <c r="E25" i="8"/>
  <c r="F25" i="8"/>
  <c r="C26" i="8"/>
  <c r="D26" i="8"/>
  <c r="E26" i="8"/>
  <c r="F26" i="8"/>
  <c r="C27" i="8"/>
  <c r="D27" i="8"/>
  <c r="E27" i="8"/>
  <c r="F27" i="8"/>
  <c r="C28" i="8"/>
  <c r="D28" i="8"/>
  <c r="E28" i="8"/>
  <c r="F28" i="8"/>
  <c r="C29" i="8"/>
  <c r="D29" i="8"/>
  <c r="E29" i="8"/>
  <c r="F29" i="8"/>
  <c r="C30" i="8"/>
  <c r="D30" i="8"/>
  <c r="E30" i="8"/>
  <c r="F30" i="8"/>
  <c r="C31" i="8"/>
  <c r="D31" i="8"/>
  <c r="E31" i="8"/>
  <c r="F31" i="8"/>
  <c r="C14" i="8"/>
  <c r="D14" i="8"/>
  <c r="E14" i="8"/>
  <c r="F14" i="8"/>
  <c r="C15" i="8"/>
  <c r="D15" i="8"/>
  <c r="E15" i="8"/>
  <c r="F15" i="8"/>
  <c r="C16" i="8"/>
  <c r="D16" i="8"/>
  <c r="E16" i="8"/>
  <c r="F16" i="8"/>
  <c r="C17" i="8"/>
  <c r="D17" i="8"/>
  <c r="E17" i="8"/>
  <c r="F17" i="8"/>
  <c r="C18" i="8"/>
  <c r="D18" i="8"/>
  <c r="E18" i="8"/>
  <c r="F18" i="8"/>
  <c r="C19" i="8"/>
  <c r="D19" i="8"/>
  <c r="E19" i="8"/>
  <c r="F19" i="8"/>
  <c r="C20" i="8"/>
  <c r="D20" i="8"/>
  <c r="E20" i="8"/>
  <c r="F20" i="8"/>
  <c r="C21" i="8"/>
  <c r="D21" i="8"/>
  <c r="E21" i="8"/>
  <c r="F21" i="8"/>
  <c r="G23" i="10" l="1"/>
  <c r="G27" i="10"/>
  <c r="G25" i="10"/>
  <c r="G20" i="10"/>
  <c r="G31" i="8"/>
  <c r="G26" i="8"/>
  <c r="G24" i="11"/>
  <c r="G28" i="11"/>
  <c r="G29" i="11"/>
  <c r="G30" i="11"/>
  <c r="G31" i="11"/>
  <c r="G27" i="11"/>
  <c r="G13" i="11"/>
  <c r="G26" i="11"/>
  <c r="G23" i="11"/>
  <c r="G25" i="11"/>
  <c r="G20" i="11"/>
  <c r="G14" i="11"/>
  <c r="G19" i="11"/>
  <c r="G16" i="11"/>
  <c r="G21" i="11"/>
  <c r="G18" i="11"/>
  <c r="G15" i="11"/>
  <c r="G17" i="11"/>
  <c r="G24" i="10"/>
  <c r="G29" i="10"/>
  <c r="G30" i="10"/>
  <c r="G28" i="10"/>
  <c r="G26" i="10"/>
  <c r="G31" i="10"/>
  <c r="G14" i="10"/>
  <c r="G21" i="10"/>
  <c r="G17" i="10"/>
  <c r="G13" i="10"/>
  <c r="G19" i="10"/>
  <c r="G16" i="10"/>
  <c r="G18" i="10"/>
  <c r="G15" i="10"/>
  <c r="G28" i="9"/>
  <c r="G27" i="9"/>
  <c r="G24" i="9"/>
  <c r="G23" i="9"/>
  <c r="G26" i="9"/>
  <c r="G25" i="9"/>
  <c r="G29" i="9"/>
  <c r="G31" i="9"/>
  <c r="G15" i="9"/>
  <c r="G30" i="9"/>
  <c r="G20" i="9"/>
  <c r="G14" i="9"/>
  <c r="G16" i="9"/>
  <c r="G21" i="9"/>
  <c r="G17" i="9"/>
  <c r="G19" i="9"/>
  <c r="G18" i="9"/>
  <c r="G24" i="8"/>
  <c r="G14" i="8"/>
  <c r="G29" i="8"/>
  <c r="G15" i="8"/>
  <c r="G25" i="8"/>
  <c r="G30" i="8"/>
  <c r="G28" i="8"/>
  <c r="G21" i="8"/>
  <c r="G23" i="8"/>
  <c r="G27" i="8"/>
  <c r="G20" i="8"/>
  <c r="G17" i="8"/>
  <c r="G16" i="8"/>
  <c r="G18" i="8"/>
  <c r="G19" i="8"/>
  <c r="AH47" i="5" l="1"/>
  <c r="K40" i="4" l="1"/>
  <c r="G111" i="4" l="1"/>
  <c r="K45" i="4" s="1"/>
  <c r="G6" i="4" l="1"/>
  <c r="G37" i="11" l="1"/>
  <c r="G38" i="11"/>
  <c r="G39" i="11"/>
  <c r="G37" i="10"/>
  <c r="G38" i="10"/>
  <c r="G39" i="10"/>
  <c r="G36" i="9"/>
  <c r="G37" i="9"/>
  <c r="G38" i="9"/>
  <c r="G39" i="9"/>
  <c r="G35" i="9"/>
  <c r="G37" i="8"/>
  <c r="G38" i="8"/>
  <c r="G39" i="8"/>
  <c r="U6" i="7"/>
  <c r="U5" i="7"/>
  <c r="U4" i="7"/>
  <c r="U3" i="7"/>
  <c r="W5" i="5"/>
  <c r="W6" i="5"/>
  <c r="G6" i="6"/>
  <c r="G5" i="6"/>
  <c r="G4" i="6"/>
  <c r="G3" i="6"/>
  <c r="G5" i="4"/>
  <c r="G45" i="9" l="1"/>
  <c r="M17" i="28" l="1"/>
  <c r="M24" i="28" s="1"/>
  <c r="M15" i="28"/>
  <c r="M13" i="28"/>
  <c r="M11" i="28"/>
  <c r="K5" i="28"/>
  <c r="H11" i="28"/>
  <c r="B16" i="28"/>
  <c r="B14" i="28"/>
  <c r="B12" i="28"/>
  <c r="B10" i="28"/>
  <c r="E17" i="28"/>
  <c r="E15" i="28"/>
  <c r="E13" i="28"/>
  <c r="E11" i="28"/>
  <c r="A16" i="28"/>
  <c r="A14" i="28"/>
  <c r="A12" i="28"/>
  <c r="A10" i="28"/>
  <c r="E24" i="28" l="1"/>
  <c r="S12" i="12"/>
  <c r="AA61" i="7" l="1"/>
  <c r="AI52" i="7" s="1"/>
  <c r="G5" i="33" s="1"/>
  <c r="H13" i="28"/>
  <c r="I9" i="13"/>
  <c r="I8" i="13"/>
  <c r="I7" i="13"/>
  <c r="B11" i="13" s="1"/>
  <c r="B26" i="13"/>
  <c r="W2" i="12"/>
  <c r="S8" i="12"/>
  <c r="S10" i="12"/>
  <c r="S6" i="12" l="1"/>
  <c r="M25" i="12"/>
  <c r="D28" i="13" l="1"/>
  <c r="D26" i="13"/>
  <c r="C5" i="11" l="1"/>
  <c r="C5" i="10"/>
  <c r="C5" i="9"/>
  <c r="C5" i="8"/>
  <c r="F22" i="11"/>
  <c r="E22" i="11"/>
  <c r="C22" i="11"/>
  <c r="F12" i="11"/>
  <c r="E12" i="11"/>
  <c r="E22" i="10"/>
  <c r="F22" i="10"/>
  <c r="C22" i="10"/>
  <c r="D22" i="10"/>
  <c r="E12" i="10"/>
  <c r="F12" i="10"/>
  <c r="C12" i="10"/>
  <c r="D12" i="10"/>
  <c r="F12" i="9"/>
  <c r="F13" i="9"/>
  <c r="E12" i="9"/>
  <c r="E13" i="9"/>
  <c r="D12" i="9"/>
  <c r="D13" i="9"/>
  <c r="C12" i="9"/>
  <c r="C13" i="9"/>
  <c r="F22" i="8"/>
  <c r="E22" i="8"/>
  <c r="D22" i="8"/>
  <c r="C22" i="8"/>
  <c r="F12" i="8"/>
  <c r="F13" i="8"/>
  <c r="E12" i="8"/>
  <c r="E13" i="8"/>
  <c r="D12" i="8"/>
  <c r="D13" i="8"/>
  <c r="C12" i="8"/>
  <c r="C13" i="8"/>
  <c r="AI50" i="7"/>
  <c r="I5" i="33" s="1"/>
  <c r="J5" i="33" s="1"/>
  <c r="K5" i="33" s="1"/>
  <c r="Y5" i="33" s="1"/>
  <c r="L5" i="33" s="1"/>
  <c r="G12" i="11" l="1"/>
  <c r="K44" i="6"/>
  <c r="H15" i="28" s="1"/>
  <c r="I4" i="33"/>
  <c r="J4" i="33" s="1"/>
  <c r="G2" i="33"/>
  <c r="K2" i="33" s="1"/>
  <c r="Y2" i="33" s="1"/>
  <c r="L2" i="33" s="1"/>
  <c r="G22" i="10"/>
  <c r="G13" i="9"/>
  <c r="G22" i="11"/>
  <c r="G32" i="11" s="1"/>
  <c r="G22" i="9"/>
  <c r="G12" i="9"/>
  <c r="G12" i="10"/>
  <c r="G32" i="10" s="1"/>
  <c r="G13" i="8"/>
  <c r="G22" i="8"/>
  <c r="G12" i="8"/>
  <c r="G32" i="8" s="1"/>
  <c r="G32" i="9" l="1"/>
  <c r="G47" i="9" s="1"/>
  <c r="G13" i="28"/>
  <c r="G36" i="10"/>
  <c r="G35" i="10"/>
  <c r="G36" i="11"/>
  <c r="G35" i="11"/>
  <c r="D17" i="28"/>
  <c r="G45" i="10" l="1"/>
  <c r="G47" i="10" s="1"/>
  <c r="I13" i="28"/>
  <c r="G45" i="11"/>
  <c r="G47" i="11" s="1"/>
  <c r="E11" i="13" s="1"/>
  <c r="E9" i="13"/>
  <c r="D13" i="28"/>
  <c r="F17" i="28"/>
  <c r="D15" i="28"/>
  <c r="W4" i="5"/>
  <c r="G4" i="4"/>
  <c r="G3" i="4"/>
  <c r="W3" i="5"/>
  <c r="F13" i="28" l="1"/>
  <c r="F15" i="28"/>
  <c r="E10" i="13"/>
  <c r="K45" i="6"/>
  <c r="J13" i="28" l="1"/>
  <c r="L13" i="28" s="1"/>
  <c r="N13" i="28" s="1"/>
  <c r="G15" i="28"/>
  <c r="I15" i="28" s="1"/>
  <c r="J15" i="28" s="1"/>
  <c r="L15" i="28" s="1"/>
  <c r="N15" i="28" s="1"/>
  <c r="G4" i="33"/>
  <c r="K4" i="33" s="1"/>
  <c r="Y4" i="33" s="1"/>
  <c r="L4" i="33" s="1"/>
  <c r="Q15" i="28" l="1"/>
  <c r="P15" i="28"/>
  <c r="P13" i="28"/>
  <c r="Q13" i="28"/>
  <c r="G11" i="28"/>
  <c r="I11" i="28" s="1"/>
  <c r="K111" i="4"/>
  <c r="G17" i="28"/>
  <c r="I17" i="28" l="1"/>
  <c r="G24" i="28"/>
  <c r="J17" i="28"/>
  <c r="I24" i="28"/>
  <c r="G36" i="8"/>
  <c r="G35" i="8"/>
  <c r="G45" i="8" s="1"/>
  <c r="D11" i="28"/>
  <c r="D24" i="28" s="1"/>
  <c r="L17" i="28" l="1"/>
  <c r="G47" i="8"/>
  <c r="E8" i="13" s="1"/>
  <c r="E21" i="13" s="1"/>
  <c r="F11" i="28"/>
  <c r="J11" i="28" l="1"/>
  <c r="J24" i="28" s="1"/>
  <c r="F24" i="28"/>
  <c r="N17" i="28"/>
  <c r="L11" i="28" l="1"/>
  <c r="N11" i="28" s="1"/>
  <c r="N18" i="28" s="1"/>
  <c r="P17" i="28"/>
  <c r="Q17" i="28"/>
  <c r="N24" i="28" l="1"/>
  <c r="L24" i="28"/>
  <c r="P11" i="28"/>
  <c r="P18" i="28" s="1"/>
  <c r="B8" i="13" s="1"/>
  <c r="Q11" i="28"/>
  <c r="Q18" i="28" s="1"/>
  <c r="B9" i="13" s="1"/>
  <c r="N23" i="12"/>
  <c r="I11" i="13"/>
  <c r="I12" i="13" s="1"/>
  <c r="B10" i="13" l="1"/>
  <c r="B21" i="13" s="1"/>
</calcChain>
</file>

<file path=xl/comments1.xml><?xml version="1.0" encoding="utf-8"?>
<comments xmlns="http://schemas.openxmlformats.org/spreadsheetml/2006/main">
  <authors>
    <author>作成者</author>
  </authors>
  <commentList>
    <comment ref="Q1" authorId="0" shapeId="0">
      <text>
        <r>
          <rPr>
            <b/>
            <sz val="9"/>
            <color indexed="81"/>
            <rFont val="ＭＳ Ｐゴシック"/>
            <family val="3"/>
            <charset val="128"/>
          </rPr>
          <t>プルダウンから選択</t>
        </r>
      </text>
    </comment>
    <comment ref="C5" authorId="0" shapeId="0">
      <text>
        <r>
          <rPr>
            <b/>
            <u/>
            <sz val="9"/>
            <color indexed="81"/>
            <rFont val="MS P ゴシック"/>
            <family val="3"/>
            <charset val="128"/>
          </rPr>
          <t>該当する項目に〇を選択</t>
        </r>
        <r>
          <rPr>
            <sz val="9"/>
            <color indexed="81"/>
            <rFont val="MS P ゴシック"/>
            <family val="3"/>
            <charset val="128"/>
          </rPr>
          <t xml:space="preserve">
（※複数選択可能）</t>
        </r>
      </text>
    </comment>
    <comment ref="Q5" authorId="0" shapeId="0">
      <text>
        <r>
          <rPr>
            <b/>
            <sz val="9"/>
            <color indexed="81"/>
            <rFont val="ＭＳ Ｐゴシック"/>
            <family val="3"/>
            <charset val="128"/>
          </rPr>
          <t>プルダウンから選択</t>
        </r>
      </text>
    </comment>
    <comment ref="Q22" authorId="0" shapeId="0">
      <text>
        <r>
          <rPr>
            <b/>
            <sz val="9"/>
            <color indexed="81"/>
            <rFont val="ＭＳ Ｐゴシック"/>
            <family val="3"/>
            <charset val="128"/>
          </rPr>
          <t>プルダウンから選択</t>
        </r>
      </text>
    </comment>
  </commentList>
</comments>
</file>

<file path=xl/comments2.xml><?xml version="1.0" encoding="utf-8"?>
<comments xmlns="http://schemas.openxmlformats.org/spreadsheetml/2006/main">
  <authors>
    <author>作成者</author>
  </authors>
  <commentList>
    <comment ref="Q1" authorId="0" shapeId="0">
      <text>
        <r>
          <rPr>
            <b/>
            <sz val="9"/>
            <color indexed="81"/>
            <rFont val="ＭＳ Ｐゴシック"/>
            <family val="3"/>
            <charset val="128"/>
          </rPr>
          <t>プルダウンから選択</t>
        </r>
      </text>
    </comment>
    <comment ref="C5" authorId="0" shapeId="0">
      <text>
        <r>
          <rPr>
            <b/>
            <u/>
            <sz val="9"/>
            <color indexed="81"/>
            <rFont val="MS P ゴシック"/>
            <family val="3"/>
            <charset val="128"/>
          </rPr>
          <t>該当する項目に〇を選択</t>
        </r>
        <r>
          <rPr>
            <sz val="9"/>
            <color indexed="81"/>
            <rFont val="MS P ゴシック"/>
            <family val="3"/>
            <charset val="128"/>
          </rPr>
          <t xml:space="preserve">
（※複数選択可能）</t>
        </r>
      </text>
    </comment>
    <comment ref="Q5" authorId="0" shapeId="0">
      <text>
        <r>
          <rPr>
            <b/>
            <sz val="9"/>
            <color indexed="81"/>
            <rFont val="ＭＳ Ｐゴシック"/>
            <family val="3"/>
            <charset val="128"/>
          </rPr>
          <t>プルダウンから選択</t>
        </r>
      </text>
    </comment>
    <comment ref="Q22" authorId="0" shapeId="0">
      <text>
        <r>
          <rPr>
            <b/>
            <sz val="9"/>
            <color indexed="81"/>
            <rFont val="ＭＳ Ｐゴシック"/>
            <family val="3"/>
            <charset val="128"/>
          </rPr>
          <t>プルダウンから選択</t>
        </r>
      </text>
    </comment>
  </commentList>
</comments>
</file>

<file path=xl/comments3.xml><?xml version="1.0" encoding="utf-8"?>
<comments xmlns="http://schemas.openxmlformats.org/spreadsheetml/2006/main">
  <authors>
    <author>作成者</author>
  </authors>
  <commentList>
    <comment ref="Q1" authorId="0" shapeId="0">
      <text>
        <r>
          <rPr>
            <b/>
            <sz val="9"/>
            <color indexed="81"/>
            <rFont val="ＭＳ Ｐゴシック"/>
            <family val="3"/>
            <charset val="128"/>
          </rPr>
          <t>プルダウンから選択</t>
        </r>
      </text>
    </comment>
    <comment ref="C5" authorId="0" shapeId="0">
      <text>
        <r>
          <rPr>
            <b/>
            <u/>
            <sz val="9"/>
            <color indexed="81"/>
            <rFont val="MS P ゴシック"/>
            <family val="3"/>
            <charset val="128"/>
          </rPr>
          <t>該当する項目に〇を選択</t>
        </r>
        <r>
          <rPr>
            <sz val="9"/>
            <color indexed="81"/>
            <rFont val="MS P ゴシック"/>
            <family val="3"/>
            <charset val="128"/>
          </rPr>
          <t xml:space="preserve">
（※複数選択可能）</t>
        </r>
      </text>
    </comment>
    <comment ref="Q5" authorId="0" shapeId="0">
      <text>
        <r>
          <rPr>
            <b/>
            <sz val="9"/>
            <color indexed="81"/>
            <rFont val="ＭＳ Ｐゴシック"/>
            <family val="3"/>
            <charset val="128"/>
          </rPr>
          <t>プルダウンから選択</t>
        </r>
      </text>
    </comment>
    <comment ref="Q22" authorId="0" shapeId="0">
      <text>
        <r>
          <rPr>
            <b/>
            <sz val="9"/>
            <color indexed="81"/>
            <rFont val="ＭＳ Ｐゴシック"/>
            <family val="3"/>
            <charset val="128"/>
          </rPr>
          <t>プルダウンから選択</t>
        </r>
      </text>
    </comment>
  </commentList>
</comments>
</file>

<file path=xl/comments4.xml><?xml version="1.0" encoding="utf-8"?>
<comments xmlns="http://schemas.openxmlformats.org/spreadsheetml/2006/main">
  <authors>
    <author>作成者</author>
  </authors>
  <commentList>
    <comment ref="Q1" authorId="0" shapeId="0">
      <text>
        <r>
          <rPr>
            <b/>
            <sz val="9"/>
            <color indexed="81"/>
            <rFont val="ＭＳ Ｐゴシック"/>
            <family val="3"/>
            <charset val="128"/>
          </rPr>
          <t>プルダウンから選択</t>
        </r>
      </text>
    </comment>
    <comment ref="C5" authorId="0" shapeId="0">
      <text>
        <r>
          <rPr>
            <b/>
            <u/>
            <sz val="9"/>
            <color indexed="81"/>
            <rFont val="MS P ゴシック"/>
            <family val="3"/>
            <charset val="128"/>
          </rPr>
          <t>該当する項目に〇を選択</t>
        </r>
        <r>
          <rPr>
            <sz val="9"/>
            <color indexed="81"/>
            <rFont val="MS P ゴシック"/>
            <family val="3"/>
            <charset val="128"/>
          </rPr>
          <t xml:space="preserve">
（※複数選択可能）</t>
        </r>
      </text>
    </comment>
    <comment ref="Q5" authorId="0" shapeId="0">
      <text>
        <r>
          <rPr>
            <b/>
            <sz val="9"/>
            <color indexed="81"/>
            <rFont val="ＭＳ Ｐゴシック"/>
            <family val="3"/>
            <charset val="128"/>
          </rPr>
          <t>プルダウンから選択</t>
        </r>
      </text>
    </comment>
    <comment ref="Q22" authorId="0" shapeId="0">
      <text>
        <r>
          <rPr>
            <b/>
            <sz val="9"/>
            <color indexed="81"/>
            <rFont val="ＭＳ Ｐゴシック"/>
            <family val="3"/>
            <charset val="128"/>
          </rPr>
          <t>プルダウンから選択</t>
        </r>
      </text>
    </comment>
  </commentList>
</comments>
</file>

<file path=xl/sharedStrings.xml><?xml version="1.0" encoding="utf-8"?>
<sst xmlns="http://schemas.openxmlformats.org/spreadsheetml/2006/main" count="970" uniqueCount="441">
  <si>
    <t>合計</t>
    <rPh sb="0" eb="2">
      <t>ゴウケイ</t>
    </rPh>
    <phoneticPr fontId="3"/>
  </si>
  <si>
    <t>円</t>
    <rPh sb="0" eb="1">
      <t>エン</t>
    </rPh>
    <phoneticPr fontId="2"/>
  </si>
  <si>
    <t>担当者名</t>
    <rPh sb="0" eb="3">
      <t>タントウシャ</t>
    </rPh>
    <rPh sb="3" eb="4">
      <t>メイ</t>
    </rPh>
    <phoneticPr fontId="2"/>
  </si>
  <si>
    <t>所在地</t>
    <rPh sb="0" eb="3">
      <t>ショザイチ</t>
    </rPh>
    <phoneticPr fontId="2"/>
  </si>
  <si>
    <t>神奈川県知事　殿</t>
    <rPh sb="0" eb="3">
      <t>カナガワ</t>
    </rPh>
    <rPh sb="3" eb="6">
      <t>ケンチジ</t>
    </rPh>
    <rPh sb="7" eb="8">
      <t>トノ</t>
    </rPh>
    <phoneticPr fontId="2"/>
  </si>
  <si>
    <t>郵便番号</t>
    <phoneticPr fontId="2"/>
  </si>
  <si>
    <t>提出者氏名
又は名称</t>
    <rPh sb="0" eb="2">
      <t>テイシュツ</t>
    </rPh>
    <rPh sb="2" eb="3">
      <t>シャ</t>
    </rPh>
    <rPh sb="3" eb="5">
      <t>シメイ</t>
    </rPh>
    <rPh sb="6" eb="7">
      <t>マタ</t>
    </rPh>
    <rPh sb="8" eb="10">
      <t>メイショウ</t>
    </rPh>
    <phoneticPr fontId="2"/>
  </si>
  <si>
    <t>　</t>
    <phoneticPr fontId="2"/>
  </si>
  <si>
    <t>金</t>
    <rPh sb="0" eb="1">
      <t>キン</t>
    </rPh>
    <phoneticPr fontId="2"/>
  </si>
  <si>
    <t>　　</t>
    <phoneticPr fontId="2"/>
  </si>
  <si>
    <t>この抄本は原本と相違ないことを証明します。</t>
  </si>
  <si>
    <t>円</t>
  </si>
  <si>
    <t>合    計</t>
  </si>
  <si>
    <t>一般財源</t>
    <rPh sb="0" eb="2">
      <t>イッパン</t>
    </rPh>
    <rPh sb="2" eb="4">
      <t>ザイゲン</t>
    </rPh>
    <phoneticPr fontId="3"/>
  </si>
  <si>
    <t>国庫補助金</t>
    <rPh sb="0" eb="2">
      <t>コッコ</t>
    </rPh>
    <rPh sb="2" eb="4">
      <t>ホジョ</t>
    </rPh>
    <rPh sb="4" eb="5">
      <t>キン</t>
    </rPh>
    <phoneticPr fontId="11"/>
  </si>
  <si>
    <t>金    額</t>
  </si>
  <si>
    <t>項    目</t>
  </si>
  <si>
    <t>歳      出</t>
  </si>
  <si>
    <t>歳      入</t>
  </si>
  <si>
    <t>＜本年度分＞</t>
    <rPh sb="1" eb="2">
      <t>ホン</t>
    </rPh>
    <rPh sb="2" eb="3">
      <t>ネン</t>
    </rPh>
    <rPh sb="3" eb="4">
      <t>ド</t>
    </rPh>
    <rPh sb="4" eb="5">
      <t>ブン</t>
    </rPh>
    <phoneticPr fontId="3"/>
  </si>
  <si>
    <t>歳入歳出予算書抄本</t>
    <rPh sb="4" eb="6">
      <t>ヨサン</t>
    </rPh>
    <rPh sb="6" eb="7">
      <t>ショ</t>
    </rPh>
    <rPh sb="7" eb="9">
      <t>ショウホン</t>
    </rPh>
    <phoneticPr fontId="3"/>
  </si>
  <si>
    <t>選択欄</t>
    <rPh sb="0" eb="2">
      <t>センタク</t>
    </rPh>
    <rPh sb="2" eb="3">
      <t>ラン</t>
    </rPh>
    <phoneticPr fontId="2"/>
  </si>
  <si>
    <r>
      <t>第１号様式</t>
    </r>
    <r>
      <rPr>
        <sz val="12"/>
        <color theme="1"/>
        <rFont val="ＭＳ 明朝"/>
        <family val="1"/>
        <charset val="128"/>
      </rPr>
      <t>（用紙　日本産業規格Ａ４縦長型）</t>
    </r>
    <phoneticPr fontId="2"/>
  </si>
  <si>
    <t>次のとおり補助金の交付を申請します。</t>
    <phoneticPr fontId="2"/>
  </si>
  <si>
    <t>２　施設の名称</t>
    <phoneticPr fontId="2"/>
  </si>
  <si>
    <t>３　事業区分</t>
    <rPh sb="4" eb="6">
      <t>クブン</t>
    </rPh>
    <phoneticPr fontId="2"/>
  </si>
  <si>
    <t>４　経費所要額調</t>
    <phoneticPr fontId="2"/>
  </si>
  <si>
    <t>５　事業計画書</t>
    <rPh sb="2" eb="7">
      <t>ジギョウケイカクショ</t>
    </rPh>
    <phoneticPr fontId="2"/>
  </si>
  <si>
    <t>１　補助申請額</t>
    <rPh sb="2" eb="4">
      <t>ホジョ</t>
    </rPh>
    <rPh sb="4" eb="6">
      <t>シンセイ</t>
    </rPh>
    <rPh sb="6" eb="7">
      <t>ガク</t>
    </rPh>
    <phoneticPr fontId="2"/>
  </si>
  <si>
    <t>事業計画書</t>
    <rPh sb="0" eb="2">
      <t>ジギョウ</t>
    </rPh>
    <rPh sb="2" eb="5">
      <t>ケイカクショ</t>
    </rPh>
    <phoneticPr fontId="3"/>
  </si>
  <si>
    <t>１．施設の名称</t>
    <rPh sb="2" eb="4">
      <t>シセツ</t>
    </rPh>
    <rPh sb="5" eb="7">
      <t>メイショウ</t>
    </rPh>
    <phoneticPr fontId="3"/>
  </si>
  <si>
    <t>２．施設の所在地</t>
    <rPh sb="2" eb="4">
      <t>シセツ</t>
    </rPh>
    <rPh sb="5" eb="8">
      <t>ショザイチ</t>
    </rPh>
    <phoneticPr fontId="3"/>
  </si>
  <si>
    <t>４．設備整備の内容</t>
    <rPh sb="2" eb="4">
      <t>セツビ</t>
    </rPh>
    <rPh sb="4" eb="6">
      <t>セイビ</t>
    </rPh>
    <rPh sb="7" eb="9">
      <t>ナイヨウ</t>
    </rPh>
    <phoneticPr fontId="3"/>
  </si>
  <si>
    <t>品名</t>
    <rPh sb="0" eb="2">
      <t>ヒンメイ</t>
    </rPh>
    <phoneticPr fontId="3"/>
  </si>
  <si>
    <t>銘柄</t>
    <rPh sb="0" eb="2">
      <t>メイガラ</t>
    </rPh>
    <phoneticPr fontId="3"/>
  </si>
  <si>
    <t>規格</t>
    <rPh sb="0" eb="2">
      <t>キカク</t>
    </rPh>
    <phoneticPr fontId="3"/>
  </si>
  <si>
    <t>員数</t>
    <rPh sb="0" eb="2">
      <t>インスウ</t>
    </rPh>
    <phoneticPr fontId="3"/>
  </si>
  <si>
    <t>単価</t>
    <rPh sb="0" eb="2">
      <t>タンカ</t>
    </rPh>
    <phoneticPr fontId="3"/>
  </si>
  <si>
    <t>金額</t>
    <rPh sb="0" eb="2">
      <t>キンガク</t>
    </rPh>
    <phoneticPr fontId="3"/>
  </si>
  <si>
    <t>設置場所</t>
    <rPh sb="0" eb="2">
      <t>セッチ</t>
    </rPh>
    <rPh sb="2" eb="4">
      <t>バショ</t>
    </rPh>
    <phoneticPr fontId="3"/>
  </si>
  <si>
    <t>備考</t>
    <rPh sb="0" eb="2">
      <t>ビコウ</t>
    </rPh>
    <phoneticPr fontId="3"/>
  </si>
  <si>
    <t>１．補助対象事業分</t>
  </si>
  <si>
    <t>円</t>
    <phoneticPr fontId="3"/>
  </si>
  <si>
    <t>小計</t>
    <rPh sb="0" eb="2">
      <t>ショウケイ</t>
    </rPh>
    <phoneticPr fontId="3"/>
  </si>
  <si>
    <t>－</t>
    <phoneticPr fontId="3"/>
  </si>
  <si>
    <t>２．補助対象外事業分</t>
  </si>
  <si>
    <t>都道府県補助金</t>
    <rPh sb="0" eb="4">
      <t>トドウフケン</t>
    </rPh>
    <rPh sb="4" eb="7">
      <t>ホジョキン</t>
    </rPh>
    <phoneticPr fontId="2"/>
  </si>
  <si>
    <t>別紙３のとおり</t>
    <phoneticPr fontId="2"/>
  </si>
  <si>
    <t>別紙３</t>
    <rPh sb="0" eb="2">
      <t>ベッシ</t>
    </rPh>
    <phoneticPr fontId="2"/>
  </si>
  <si>
    <t>施設名</t>
    <rPh sb="0" eb="2">
      <t>シセツ</t>
    </rPh>
    <phoneticPr fontId="2"/>
  </si>
  <si>
    <t>連絡先</t>
  </si>
  <si>
    <t>〇</t>
    <phoneticPr fontId="2"/>
  </si>
  <si>
    <t>１　申請機器について</t>
    <rPh sb="2" eb="4">
      <t>シンセイ</t>
    </rPh>
    <rPh sb="4" eb="6">
      <t>キキ</t>
    </rPh>
    <phoneticPr fontId="2"/>
  </si>
  <si>
    <t>モジュール数</t>
    <rPh sb="5" eb="6">
      <t>スウ</t>
    </rPh>
    <phoneticPr fontId="2"/>
  </si>
  <si>
    <t>合計</t>
    <rPh sb="0" eb="2">
      <t>ゴウケイ</t>
    </rPh>
    <phoneticPr fontId="2"/>
  </si>
  <si>
    <t>検査方法を以下より選択してください。</t>
    <rPh sb="0" eb="2">
      <t>ケンサ</t>
    </rPh>
    <rPh sb="2" eb="4">
      <t>ホウホウ</t>
    </rPh>
    <rPh sb="5" eb="7">
      <t>イカ</t>
    </rPh>
    <rPh sb="9" eb="11">
      <t>センタク</t>
    </rPh>
    <phoneticPr fontId="2"/>
  </si>
  <si>
    <t>複数の検査キットに対応できる</t>
    <rPh sb="0" eb="2">
      <t>フクスウ</t>
    </rPh>
    <rPh sb="3" eb="5">
      <t>ケンサ</t>
    </rPh>
    <rPh sb="9" eb="11">
      <t>タイオウ</t>
    </rPh>
    <phoneticPr fontId="2"/>
  </si>
  <si>
    <t>複数の検査キットに対応できない</t>
    <rPh sb="0" eb="2">
      <t>フクスウ</t>
    </rPh>
    <rPh sb="3" eb="5">
      <t>ケンサ</t>
    </rPh>
    <rPh sb="9" eb="11">
      <t>タイオウ</t>
    </rPh>
    <phoneticPr fontId="2"/>
  </si>
  <si>
    <t>機器導入前検査件数</t>
    <rPh sb="0" eb="2">
      <t>キキ</t>
    </rPh>
    <rPh sb="2" eb="4">
      <t>ドウニュウ</t>
    </rPh>
    <rPh sb="4" eb="5">
      <t>マエ</t>
    </rPh>
    <rPh sb="5" eb="7">
      <t>ケンサ</t>
    </rPh>
    <rPh sb="7" eb="9">
      <t>ケンスウ</t>
    </rPh>
    <phoneticPr fontId="2"/>
  </si>
  <si>
    <t>機器導入後検査件数</t>
    <rPh sb="0" eb="2">
      <t>キキ</t>
    </rPh>
    <rPh sb="2" eb="4">
      <t>ドウニュウ</t>
    </rPh>
    <rPh sb="4" eb="5">
      <t>ゴ</t>
    </rPh>
    <rPh sb="5" eb="7">
      <t>ケンサ</t>
    </rPh>
    <rPh sb="7" eb="9">
      <t>ケンスウ</t>
    </rPh>
    <phoneticPr fontId="2"/>
  </si>
  <si>
    <t>人／日</t>
    <rPh sb="0" eb="1">
      <t>ニン</t>
    </rPh>
    <rPh sb="2" eb="3">
      <t>ニチ</t>
    </rPh>
    <phoneticPr fontId="2"/>
  </si>
  <si>
    <t>５　付属機器の申請理由</t>
    <rPh sb="2" eb="4">
      <t>フゾク</t>
    </rPh>
    <rPh sb="4" eb="6">
      <t>キキ</t>
    </rPh>
    <rPh sb="7" eb="9">
      <t>シンセイ</t>
    </rPh>
    <rPh sb="9" eb="11">
      <t>リユウ</t>
    </rPh>
    <phoneticPr fontId="2"/>
  </si>
  <si>
    <t>設置予定場所及び使用方法</t>
    <rPh sb="0" eb="2">
      <t>セッチ</t>
    </rPh>
    <rPh sb="2" eb="4">
      <t>ヨテイ</t>
    </rPh>
    <rPh sb="4" eb="6">
      <t>バショ</t>
    </rPh>
    <rPh sb="6" eb="7">
      <t>オヨ</t>
    </rPh>
    <rPh sb="8" eb="10">
      <t>シヨウ</t>
    </rPh>
    <rPh sb="10" eb="12">
      <t>ホウホウ</t>
    </rPh>
    <phoneticPr fontId="2"/>
  </si>
  <si>
    <t>第一種医療機関の入院病床において、感染症患者搬送用に使用する。</t>
    <rPh sb="0" eb="1">
      <t>ダイ</t>
    </rPh>
    <rPh sb="1" eb="3">
      <t>イチシュ</t>
    </rPh>
    <rPh sb="3" eb="5">
      <t>イリョウ</t>
    </rPh>
    <rPh sb="5" eb="7">
      <t>キカン</t>
    </rPh>
    <rPh sb="8" eb="10">
      <t>ニュウイン</t>
    </rPh>
    <rPh sb="10" eb="12">
      <t>ビョウショウ</t>
    </rPh>
    <rPh sb="17" eb="20">
      <t>カンセンショウ</t>
    </rPh>
    <rPh sb="20" eb="22">
      <t>カンジャ</t>
    </rPh>
    <rPh sb="22" eb="25">
      <t>ハンソウヨウ</t>
    </rPh>
    <rPh sb="26" eb="28">
      <t>シヨウ</t>
    </rPh>
    <phoneticPr fontId="2"/>
  </si>
  <si>
    <t>第二種医療機関の発熱外来エリアに設置し、患者診察の際に使用する。</t>
    <rPh sb="0" eb="2">
      <t>ダイニ</t>
    </rPh>
    <rPh sb="2" eb="3">
      <t>シュ</t>
    </rPh>
    <rPh sb="3" eb="5">
      <t>イリョウ</t>
    </rPh>
    <rPh sb="5" eb="7">
      <t>キカン</t>
    </rPh>
    <rPh sb="8" eb="10">
      <t>ハツネツ</t>
    </rPh>
    <rPh sb="10" eb="12">
      <t>ガイライ</t>
    </rPh>
    <rPh sb="16" eb="18">
      <t>セッチ</t>
    </rPh>
    <rPh sb="20" eb="22">
      <t>カンジャ</t>
    </rPh>
    <rPh sb="22" eb="24">
      <t>シンサツ</t>
    </rPh>
    <rPh sb="25" eb="26">
      <t>サイ</t>
    </rPh>
    <rPh sb="27" eb="29">
      <t>シヨウ</t>
    </rPh>
    <phoneticPr fontId="2"/>
  </si>
  <si>
    <t>その他</t>
    <rPh sb="2" eb="3">
      <t>タ</t>
    </rPh>
    <phoneticPr fontId="2"/>
  </si>
  <si>
    <t>＊３　その他の場合は補助対象外となります。</t>
    <rPh sb="5" eb="6">
      <t>タ</t>
    </rPh>
    <rPh sb="7" eb="9">
      <t>バアイ</t>
    </rPh>
    <rPh sb="10" eb="12">
      <t>ホジョ</t>
    </rPh>
    <rPh sb="12" eb="14">
      <t>タイショウ</t>
    </rPh>
    <rPh sb="14" eb="15">
      <t>ガイ</t>
    </rPh>
    <phoneticPr fontId="2"/>
  </si>
  <si>
    <t>２　申請機器導入の理由</t>
    <rPh sb="2" eb="4">
      <t>シンセイ</t>
    </rPh>
    <rPh sb="4" eb="6">
      <t>キキ</t>
    </rPh>
    <rPh sb="6" eb="8">
      <t>ドウニュウ</t>
    </rPh>
    <rPh sb="9" eb="11">
      <t>リユウ</t>
    </rPh>
    <phoneticPr fontId="2"/>
  </si>
  <si>
    <t>　複数台の申請の場合は、機器導入理由とは別になぜ、複数台の機器導入を行わなければ協定締結内容を履行できないのか詳細に理由を記載してください。</t>
    <rPh sb="1" eb="3">
      <t>フクスウ</t>
    </rPh>
    <rPh sb="3" eb="4">
      <t>ダイ</t>
    </rPh>
    <rPh sb="5" eb="7">
      <t>シンセイ</t>
    </rPh>
    <rPh sb="8" eb="10">
      <t>バアイ</t>
    </rPh>
    <rPh sb="12" eb="14">
      <t>キキ</t>
    </rPh>
    <rPh sb="14" eb="16">
      <t>ドウニュウ</t>
    </rPh>
    <rPh sb="16" eb="18">
      <t>リユウ</t>
    </rPh>
    <rPh sb="20" eb="21">
      <t>ベツ</t>
    </rPh>
    <rPh sb="25" eb="27">
      <t>フクスウ</t>
    </rPh>
    <rPh sb="27" eb="28">
      <t>ダイ</t>
    </rPh>
    <rPh sb="29" eb="31">
      <t>キキ</t>
    </rPh>
    <rPh sb="31" eb="33">
      <t>ドウニュウ</t>
    </rPh>
    <rPh sb="34" eb="35">
      <t>オコナ</t>
    </rPh>
    <rPh sb="40" eb="42">
      <t>キョウテイ</t>
    </rPh>
    <rPh sb="42" eb="44">
      <t>テイケツ</t>
    </rPh>
    <rPh sb="44" eb="46">
      <t>ナイヨウ</t>
    </rPh>
    <rPh sb="47" eb="49">
      <t>リコウ</t>
    </rPh>
    <rPh sb="55" eb="57">
      <t>ショウサイ</t>
    </rPh>
    <rPh sb="58" eb="60">
      <t>リユウ</t>
    </rPh>
    <rPh sb="61" eb="63">
      <t>キサイ</t>
    </rPh>
    <phoneticPr fontId="2"/>
  </si>
  <si>
    <t>はいかいいえを以下より選択してください。</t>
    <rPh sb="7" eb="9">
      <t>イカ</t>
    </rPh>
    <rPh sb="11" eb="13">
      <t>センタク</t>
    </rPh>
    <phoneticPr fontId="2"/>
  </si>
  <si>
    <t>はい</t>
    <phoneticPr fontId="2"/>
  </si>
  <si>
    <t>いいえ</t>
    <phoneticPr fontId="2"/>
  </si>
  <si>
    <t>※いいえを選択した場合は補助対象外となります。</t>
    <phoneticPr fontId="2"/>
  </si>
  <si>
    <t>はいかいいえを以下より選択してください。</t>
    <phoneticPr fontId="2"/>
  </si>
  <si>
    <t>３　申請台数の根拠</t>
    <rPh sb="2" eb="4">
      <t>シンセイ</t>
    </rPh>
    <rPh sb="4" eb="6">
      <t>ダイスウ</t>
    </rPh>
    <rPh sb="7" eb="9">
      <t>コンキョ</t>
    </rPh>
    <phoneticPr fontId="2"/>
  </si>
  <si>
    <t>３　陰圧病床数</t>
    <rPh sb="2" eb="4">
      <t>インアツ</t>
    </rPh>
    <rPh sb="4" eb="7">
      <t>ビョウショウスウ</t>
    </rPh>
    <phoneticPr fontId="2"/>
  </si>
  <si>
    <t>　申請機器導入前の陰圧病床数と機器導入後の陰圧病床数</t>
    <rPh sb="1" eb="3">
      <t>シンセイ</t>
    </rPh>
    <rPh sb="3" eb="5">
      <t>キキ</t>
    </rPh>
    <rPh sb="5" eb="7">
      <t>ドウニュウ</t>
    </rPh>
    <rPh sb="7" eb="8">
      <t>マエ</t>
    </rPh>
    <rPh sb="9" eb="11">
      <t>インアツ</t>
    </rPh>
    <rPh sb="11" eb="14">
      <t>ビョウショウスウ</t>
    </rPh>
    <rPh sb="15" eb="17">
      <t>キキ</t>
    </rPh>
    <rPh sb="17" eb="19">
      <t>ドウニュウ</t>
    </rPh>
    <rPh sb="19" eb="20">
      <t>ゴ</t>
    </rPh>
    <rPh sb="21" eb="23">
      <t>インアツ</t>
    </rPh>
    <rPh sb="23" eb="26">
      <t>ビョウショウスウ</t>
    </rPh>
    <phoneticPr fontId="2"/>
  </si>
  <si>
    <t>機器導入前陰圧病床数</t>
    <rPh sb="5" eb="7">
      <t>インアツ</t>
    </rPh>
    <rPh sb="7" eb="10">
      <t>ビョウショウスウ</t>
    </rPh>
    <phoneticPr fontId="2"/>
  </si>
  <si>
    <t>機器導入後陰圧病床数</t>
    <rPh sb="5" eb="7">
      <t>インアツ</t>
    </rPh>
    <rPh sb="7" eb="10">
      <t>ビョウショウスウ</t>
    </rPh>
    <phoneticPr fontId="2"/>
  </si>
  <si>
    <t>床</t>
    <rPh sb="0" eb="1">
      <t>ショウ</t>
    </rPh>
    <phoneticPr fontId="2"/>
  </si>
  <si>
    <t>４　申請台数の根拠</t>
    <rPh sb="2" eb="4">
      <t>シンセイ</t>
    </rPh>
    <rPh sb="4" eb="6">
      <t>ダイスウ</t>
    </rPh>
    <rPh sb="7" eb="9">
      <t>コンキョ</t>
    </rPh>
    <phoneticPr fontId="2"/>
  </si>
  <si>
    <t>協定締結済み</t>
    <rPh sb="0" eb="2">
      <t>キョウテイ</t>
    </rPh>
    <rPh sb="2" eb="4">
      <t>テイケツ</t>
    </rPh>
    <rPh sb="4" eb="5">
      <t>ズ</t>
    </rPh>
    <phoneticPr fontId="27"/>
  </si>
  <si>
    <t>協定締結予定</t>
    <rPh sb="0" eb="2">
      <t>キョウテイ</t>
    </rPh>
    <rPh sb="2" eb="4">
      <t>テイケツ</t>
    </rPh>
    <rPh sb="4" eb="6">
      <t>ヨテイ</t>
    </rPh>
    <phoneticPr fontId="27"/>
  </si>
  <si>
    <t>基礎情報入力シート</t>
    <rPh sb="0" eb="2">
      <t>キソ</t>
    </rPh>
    <rPh sb="2" eb="4">
      <t>ジョウホウ</t>
    </rPh>
    <rPh sb="4" eb="6">
      <t>ニュウリョク</t>
    </rPh>
    <phoneticPr fontId="2"/>
  </si>
  <si>
    <t>申請年月日</t>
    <rPh sb="0" eb="2">
      <t>シンセイ</t>
    </rPh>
    <rPh sb="2" eb="5">
      <t>ネンガッピ</t>
    </rPh>
    <phoneticPr fontId="2"/>
  </si>
  <si>
    <t>郵便番号</t>
    <rPh sb="0" eb="4">
      <t>ユウビンバンゴウ</t>
    </rPh>
    <phoneticPr fontId="2"/>
  </si>
  <si>
    <t>※半角数字で入力してください。</t>
    <rPh sb="1" eb="3">
      <t>ハンカク</t>
    </rPh>
    <rPh sb="3" eb="5">
      <t>スウジ</t>
    </rPh>
    <rPh sb="6" eb="8">
      <t>ニュウリョク</t>
    </rPh>
    <phoneticPr fontId="2"/>
  </si>
  <si>
    <t>医療機関名</t>
    <phoneticPr fontId="2"/>
  </si>
  <si>
    <t>※病院名を入力してください。</t>
    <rPh sb="1" eb="3">
      <t>ビョウイン</t>
    </rPh>
    <rPh sb="3" eb="4">
      <t>メイ</t>
    </rPh>
    <rPh sb="5" eb="7">
      <t>ニュウリョク</t>
    </rPh>
    <phoneticPr fontId="2"/>
  </si>
  <si>
    <t>内示額</t>
    <rPh sb="0" eb="3">
      <t>ナイジガク</t>
    </rPh>
    <phoneticPr fontId="2"/>
  </si>
  <si>
    <t>５　付属機器について</t>
    <rPh sb="2" eb="4">
      <t>フゾク</t>
    </rPh>
    <rPh sb="4" eb="6">
      <t>キキ</t>
    </rPh>
    <phoneticPr fontId="2"/>
  </si>
  <si>
    <t>前提項目</t>
    <rPh sb="0" eb="2">
      <t>ゼンテイ</t>
    </rPh>
    <rPh sb="2" eb="4">
      <t>コウモク</t>
    </rPh>
    <phoneticPr fontId="2"/>
  </si>
  <si>
    <t>（１）申請機器の調達先について</t>
    <rPh sb="3" eb="5">
      <t>シンセイ</t>
    </rPh>
    <rPh sb="5" eb="7">
      <t>キキ</t>
    </rPh>
    <rPh sb="8" eb="10">
      <t>チョウタツ</t>
    </rPh>
    <rPh sb="10" eb="11">
      <t>サキ</t>
    </rPh>
    <phoneticPr fontId="2"/>
  </si>
  <si>
    <t>申請者自身</t>
    <rPh sb="0" eb="3">
      <t>シンセイシャ</t>
    </rPh>
    <rPh sb="3" eb="5">
      <t>ジシン</t>
    </rPh>
    <phoneticPr fontId="2"/>
  </si>
  <si>
    <t>（２）申請機器の選定方法について</t>
    <rPh sb="3" eb="5">
      <t>シンセイ</t>
    </rPh>
    <rPh sb="5" eb="7">
      <t>キキ</t>
    </rPh>
    <rPh sb="8" eb="10">
      <t>センテイ</t>
    </rPh>
    <rPh sb="10" eb="12">
      <t>ホウホウ</t>
    </rPh>
    <phoneticPr fontId="2"/>
  </si>
  <si>
    <t>申請機器の選定方法について以下の選択肢より回答してください。</t>
    <rPh sb="0" eb="2">
      <t>シンセイ</t>
    </rPh>
    <rPh sb="2" eb="4">
      <t>キキ</t>
    </rPh>
    <rPh sb="5" eb="7">
      <t>センテイ</t>
    </rPh>
    <rPh sb="7" eb="9">
      <t>ホウホウ</t>
    </rPh>
    <rPh sb="13" eb="15">
      <t>イカ</t>
    </rPh>
    <rPh sb="16" eb="19">
      <t>センタクシ</t>
    </rPh>
    <rPh sb="21" eb="23">
      <t>カイトウ</t>
    </rPh>
    <phoneticPr fontId="2"/>
  </si>
  <si>
    <t>*２を選択した場合は補助対象外となります。</t>
    <rPh sb="3" eb="5">
      <t>センタク</t>
    </rPh>
    <rPh sb="7" eb="9">
      <t>バアイ</t>
    </rPh>
    <rPh sb="10" eb="12">
      <t>ホジョ</t>
    </rPh>
    <rPh sb="12" eb="14">
      <t>タイショウ</t>
    </rPh>
    <rPh sb="14" eb="15">
      <t>ガイ</t>
    </rPh>
    <phoneticPr fontId="2"/>
  </si>
  <si>
    <t>協定締結期間について以下の選択肢より回答してください。</t>
    <rPh sb="0" eb="4">
      <t>キョウテイテイケツ</t>
    </rPh>
    <rPh sb="4" eb="6">
      <t>キカン</t>
    </rPh>
    <rPh sb="10" eb="12">
      <t>イカ</t>
    </rPh>
    <rPh sb="13" eb="16">
      <t>センタクシ</t>
    </rPh>
    <rPh sb="18" eb="20">
      <t>カイトウ</t>
    </rPh>
    <phoneticPr fontId="2"/>
  </si>
  <si>
    <t>補助申請を行う機器の財産処分制限期間中（※）は協定締結内容を破棄しない。</t>
    <rPh sb="0" eb="2">
      <t>ホジョ</t>
    </rPh>
    <rPh sb="2" eb="4">
      <t>シンセイ</t>
    </rPh>
    <rPh sb="5" eb="6">
      <t>オコナ</t>
    </rPh>
    <rPh sb="7" eb="9">
      <t>キキ</t>
    </rPh>
    <rPh sb="10" eb="12">
      <t>ザイサン</t>
    </rPh>
    <rPh sb="12" eb="14">
      <t>ショブン</t>
    </rPh>
    <rPh sb="14" eb="16">
      <t>セイゲン</t>
    </rPh>
    <rPh sb="16" eb="18">
      <t>キカン</t>
    </rPh>
    <rPh sb="18" eb="19">
      <t>チュウ</t>
    </rPh>
    <rPh sb="23" eb="29">
      <t>キョウテイテイケツナイヨウ</t>
    </rPh>
    <rPh sb="30" eb="32">
      <t>ハキ</t>
    </rPh>
    <phoneticPr fontId="2"/>
  </si>
  <si>
    <t>補助申請を行う機器の財産処分制限期間前に協定締結内容の破棄を予定している。</t>
    <rPh sb="0" eb="2">
      <t>ホジョ</t>
    </rPh>
    <rPh sb="2" eb="4">
      <t>シンセイ</t>
    </rPh>
    <rPh sb="5" eb="6">
      <t>オコナ</t>
    </rPh>
    <rPh sb="7" eb="9">
      <t>キキ</t>
    </rPh>
    <rPh sb="10" eb="12">
      <t>ザイサン</t>
    </rPh>
    <rPh sb="12" eb="14">
      <t>ショブン</t>
    </rPh>
    <rPh sb="14" eb="16">
      <t>セイゲン</t>
    </rPh>
    <rPh sb="16" eb="18">
      <t>キカン</t>
    </rPh>
    <rPh sb="18" eb="19">
      <t>マエ</t>
    </rPh>
    <rPh sb="20" eb="22">
      <t>キョウテイ</t>
    </rPh>
    <rPh sb="22" eb="24">
      <t>テイケツ</t>
    </rPh>
    <rPh sb="24" eb="26">
      <t>ナイヨウ</t>
    </rPh>
    <rPh sb="27" eb="29">
      <t>ハキ</t>
    </rPh>
    <rPh sb="30" eb="32">
      <t>ヨテイ</t>
    </rPh>
    <phoneticPr fontId="2"/>
  </si>
  <si>
    <t>申請者とは関係がない</t>
    <rPh sb="0" eb="3">
      <t>シンセイシャ</t>
    </rPh>
    <rPh sb="5" eb="7">
      <t>カンケイ</t>
    </rPh>
    <phoneticPr fontId="2"/>
  </si>
  <si>
    <t>（２）付属機器を併せて申請する場合は、付属機器の申請理由（これがなければ簡易ベッドを医療機関として活用することができない理由を具体的に記載してください。）</t>
    <rPh sb="3" eb="5">
      <t>フゾク</t>
    </rPh>
    <rPh sb="5" eb="7">
      <t>キキ</t>
    </rPh>
    <rPh sb="8" eb="9">
      <t>アワ</t>
    </rPh>
    <rPh sb="11" eb="13">
      <t>シンセイ</t>
    </rPh>
    <rPh sb="15" eb="17">
      <t>バアイ</t>
    </rPh>
    <rPh sb="19" eb="21">
      <t>フゾク</t>
    </rPh>
    <rPh sb="21" eb="23">
      <t>キキ</t>
    </rPh>
    <rPh sb="24" eb="26">
      <t>シンセイ</t>
    </rPh>
    <rPh sb="26" eb="28">
      <t>リユウ</t>
    </rPh>
    <rPh sb="36" eb="38">
      <t>カンイ</t>
    </rPh>
    <rPh sb="42" eb="44">
      <t>イリョウ</t>
    </rPh>
    <rPh sb="44" eb="46">
      <t>キカン</t>
    </rPh>
    <rPh sb="49" eb="51">
      <t>カツヨウ</t>
    </rPh>
    <rPh sb="60" eb="62">
      <t>リユウ</t>
    </rPh>
    <rPh sb="63" eb="66">
      <t>グタイテキ</t>
    </rPh>
    <rPh sb="67" eb="69">
      <t>キサイ</t>
    </rPh>
    <phoneticPr fontId="2"/>
  </si>
  <si>
    <t>担当者所属</t>
    <rPh sb="0" eb="3">
      <t>タントウシャ</t>
    </rPh>
    <rPh sb="3" eb="5">
      <t>ショゾク</t>
    </rPh>
    <phoneticPr fontId="2"/>
  </si>
  <si>
    <t>電話番号</t>
    <rPh sb="0" eb="2">
      <t>デンワ</t>
    </rPh>
    <rPh sb="2" eb="4">
      <t>バンゴウ</t>
    </rPh>
    <phoneticPr fontId="2"/>
  </si>
  <si>
    <t>ＦＡＸ番号</t>
    <rPh sb="3" eb="5">
      <t>バンゴウ</t>
    </rPh>
    <phoneticPr fontId="2"/>
  </si>
  <si>
    <t>※担当者個人のメールアドレスでも構いませんが、
確実にメールの送受信ができるものとしてください。</t>
    <rPh sb="1" eb="4">
      <t>タントウシャ</t>
    </rPh>
    <rPh sb="4" eb="6">
      <t>コジン</t>
    </rPh>
    <rPh sb="16" eb="17">
      <t>カマ</t>
    </rPh>
    <phoneticPr fontId="2"/>
  </si>
  <si>
    <t>以下より選択してください。</t>
    <rPh sb="0" eb="2">
      <t>イカ</t>
    </rPh>
    <rPh sb="4" eb="6">
      <t>センタク</t>
    </rPh>
    <phoneticPr fontId="2"/>
  </si>
  <si>
    <t>第一種指定医療機関</t>
    <rPh sb="0" eb="1">
      <t>ダイ</t>
    </rPh>
    <rPh sb="1" eb="3">
      <t>イチシュ</t>
    </rPh>
    <rPh sb="3" eb="5">
      <t>シテイ</t>
    </rPh>
    <rPh sb="5" eb="7">
      <t>イリョウ</t>
    </rPh>
    <rPh sb="7" eb="9">
      <t>キカン</t>
    </rPh>
    <phoneticPr fontId="2"/>
  </si>
  <si>
    <t>第二種指定医療機関</t>
    <rPh sb="0" eb="2">
      <t>ダイニ</t>
    </rPh>
    <rPh sb="2" eb="3">
      <t>シュ</t>
    </rPh>
    <rPh sb="3" eb="5">
      <t>シテイ</t>
    </rPh>
    <rPh sb="5" eb="7">
      <t>イリョウ</t>
    </rPh>
    <rPh sb="7" eb="9">
      <t>キカン</t>
    </rPh>
    <phoneticPr fontId="2"/>
  </si>
  <si>
    <t>協定締結状況</t>
    <rPh sb="0" eb="2">
      <t>キョウテイ</t>
    </rPh>
    <rPh sb="2" eb="4">
      <t>テイケツ</t>
    </rPh>
    <rPh sb="4" eb="6">
      <t>ジョウキョウ</t>
    </rPh>
    <phoneticPr fontId="2"/>
  </si>
  <si>
    <t>４　付属機器について</t>
    <rPh sb="2" eb="4">
      <t>フゾク</t>
    </rPh>
    <rPh sb="4" eb="6">
      <t>キキ</t>
    </rPh>
    <phoneticPr fontId="2"/>
  </si>
  <si>
    <t>（３）協定締結期間について</t>
    <rPh sb="3" eb="5">
      <t>キョウテイ</t>
    </rPh>
    <rPh sb="5" eb="7">
      <t>テイケツ</t>
    </rPh>
    <rPh sb="7" eb="9">
      <t>キカン</t>
    </rPh>
    <phoneticPr fontId="2"/>
  </si>
  <si>
    <t>３．事業の種類</t>
    <rPh sb="2" eb="4">
      <t>ジギョウ</t>
    </rPh>
    <rPh sb="5" eb="7">
      <t>シュルイ</t>
    </rPh>
    <phoneticPr fontId="3"/>
  </si>
  <si>
    <t xml:space="preserve">連絡先
</t>
    <rPh sb="0" eb="3">
      <t>レンラクサキ</t>
    </rPh>
    <phoneticPr fontId="2"/>
  </si>
  <si>
    <t>内示額</t>
    <rPh sb="0" eb="3">
      <t>ナイジガク</t>
    </rPh>
    <phoneticPr fontId="2"/>
  </si>
  <si>
    <t>円</t>
    <rPh sb="0" eb="1">
      <t>エン</t>
    </rPh>
    <phoneticPr fontId="2"/>
  </si>
  <si>
    <t>補助基準額</t>
    <rPh sb="0" eb="2">
      <t>ホジョ</t>
    </rPh>
    <rPh sb="2" eb="4">
      <t>キジュン</t>
    </rPh>
    <rPh sb="4" eb="5">
      <t>ガク</t>
    </rPh>
    <phoneticPr fontId="2"/>
  </si>
  <si>
    <t>補助基準単価</t>
    <rPh sb="0" eb="2">
      <t>ホジョ</t>
    </rPh>
    <rPh sb="2" eb="4">
      <t>キジュン</t>
    </rPh>
    <rPh sb="4" eb="6">
      <t>タンカ</t>
    </rPh>
    <phoneticPr fontId="2"/>
  </si>
  <si>
    <t>申請台数</t>
    <rPh sb="0" eb="2">
      <t>シンセイ</t>
    </rPh>
    <rPh sb="2" eb="4">
      <t>ダイスウ</t>
    </rPh>
    <phoneticPr fontId="2"/>
  </si>
  <si>
    <t>対象経費支出予定額</t>
    <rPh sb="0" eb="2">
      <t>タイショウ</t>
    </rPh>
    <rPh sb="2" eb="4">
      <t>ケイヒ</t>
    </rPh>
    <rPh sb="4" eb="6">
      <t>シシュツ</t>
    </rPh>
    <rPh sb="6" eb="8">
      <t>ヨテイ</t>
    </rPh>
    <rPh sb="8" eb="9">
      <t>ガク</t>
    </rPh>
    <phoneticPr fontId="2"/>
  </si>
  <si>
    <t>簡易陰圧装置</t>
    <rPh sb="0" eb="2">
      <t>カンイ</t>
    </rPh>
    <rPh sb="2" eb="4">
      <t>インアツ</t>
    </rPh>
    <rPh sb="4" eb="6">
      <t>ソウチ</t>
    </rPh>
    <phoneticPr fontId="2"/>
  </si>
  <si>
    <t>簡易ベッド</t>
    <rPh sb="0" eb="2">
      <t>カンイ</t>
    </rPh>
    <phoneticPr fontId="2"/>
  </si>
  <si>
    <t>円</t>
    <rPh sb="0" eb="1">
      <t>エン</t>
    </rPh>
    <phoneticPr fontId="2"/>
  </si>
  <si>
    <t>対象経費支出予定額</t>
    <rPh sb="0" eb="2">
      <t>タイショウ</t>
    </rPh>
    <rPh sb="2" eb="4">
      <t>ケイヒ</t>
    </rPh>
    <rPh sb="4" eb="6">
      <t>シシュツ</t>
    </rPh>
    <rPh sb="6" eb="8">
      <t>ヨテイ</t>
    </rPh>
    <rPh sb="8" eb="9">
      <t>ガク</t>
    </rPh>
    <phoneticPr fontId="2"/>
  </si>
  <si>
    <t>1.新設</t>
    <rPh sb="2" eb="4">
      <t>シンセツ</t>
    </rPh>
    <phoneticPr fontId="2"/>
  </si>
  <si>
    <t>2.増設</t>
    <rPh sb="2" eb="4">
      <t>ゾウセツ</t>
    </rPh>
    <phoneticPr fontId="2"/>
  </si>
  <si>
    <t>設備整備の様態</t>
    <rPh sb="0" eb="4">
      <t>セツビセイビ</t>
    </rPh>
    <rPh sb="5" eb="7">
      <t>ヨウタイ</t>
    </rPh>
    <phoneticPr fontId="2"/>
  </si>
  <si>
    <t>新興感染症対応力強化事業（協定締結医療機関設備整備事業）</t>
    <phoneticPr fontId="2"/>
  </si>
  <si>
    <t>寄付金その他収入</t>
  </si>
  <si>
    <t>〇</t>
    <phoneticPr fontId="2"/>
  </si>
  <si>
    <t>【作成手順】</t>
    <rPh sb="1" eb="3">
      <t>サクセイ</t>
    </rPh>
    <rPh sb="3" eb="5">
      <t>テジュン</t>
    </rPh>
    <phoneticPr fontId="2"/>
  </si>
  <si>
    <t>新興感染症対応力強化事業 
（協定締結医療機関設備整備事業）</t>
    <rPh sb="23" eb="25">
      <t>セツビ</t>
    </rPh>
    <phoneticPr fontId="2"/>
  </si>
  <si>
    <t>７　添付書類</t>
    <phoneticPr fontId="2"/>
  </si>
  <si>
    <t>経費所要額調</t>
    <rPh sb="0" eb="2">
      <t>ケイヒ</t>
    </rPh>
    <rPh sb="2" eb="4">
      <t>ショヨウ</t>
    </rPh>
    <rPh sb="4" eb="5">
      <t>ガク</t>
    </rPh>
    <rPh sb="5" eb="6">
      <t>シラ</t>
    </rPh>
    <phoneticPr fontId="3"/>
  </si>
  <si>
    <t>補助事業者名：</t>
    <rPh sb="0" eb="2">
      <t>ホジョ</t>
    </rPh>
    <rPh sb="2" eb="4">
      <t>ジギョウ</t>
    </rPh>
    <rPh sb="4" eb="5">
      <t>シャ</t>
    </rPh>
    <rPh sb="5" eb="6">
      <t>メイ</t>
    </rPh>
    <phoneticPr fontId="27"/>
  </si>
  <si>
    <t>単位：円</t>
    <rPh sb="0" eb="2">
      <t>タンイ</t>
    </rPh>
    <rPh sb="3" eb="4">
      <t>エン</t>
    </rPh>
    <phoneticPr fontId="27"/>
  </si>
  <si>
    <t>施設名</t>
    <rPh sb="0" eb="2">
      <t>シセツ</t>
    </rPh>
    <rPh sb="2" eb="3">
      <t>メイ</t>
    </rPh>
    <phoneticPr fontId="3"/>
  </si>
  <si>
    <t>補助事業名</t>
    <rPh sb="0" eb="2">
      <t>ホジョ</t>
    </rPh>
    <rPh sb="2" eb="4">
      <t>ジギョウ</t>
    </rPh>
    <rPh sb="4" eb="5">
      <t>メイ</t>
    </rPh>
    <phoneticPr fontId="27"/>
  </si>
  <si>
    <t>Ａ</t>
  </si>
  <si>
    <t>Ｂ</t>
  </si>
  <si>
    <t>（Ｃ）＝Ａ－Ｂ</t>
    <phoneticPr fontId="3"/>
  </si>
  <si>
    <t>Ｄ</t>
  </si>
  <si>
    <t>Ｅ</t>
  </si>
  <si>
    <t>Ｆ</t>
  </si>
  <si>
    <t>Ｇ</t>
    <phoneticPr fontId="3"/>
  </si>
  <si>
    <t>Ｈ</t>
    <phoneticPr fontId="3"/>
  </si>
  <si>
    <t>（Ｉ）</t>
    <phoneticPr fontId="3"/>
  </si>
  <si>
    <t>（J）</t>
    <phoneticPr fontId="3"/>
  </si>
  <si>
    <t>総事業費</t>
  </si>
  <si>
    <t>寄付金その他の収入額</t>
    <phoneticPr fontId="3"/>
  </si>
  <si>
    <t>差引事業費</t>
  </si>
  <si>
    <t>対象経費の
支出予定額</t>
    <rPh sb="6" eb="8">
      <t>シシュツ</t>
    </rPh>
    <rPh sb="8" eb="10">
      <t>ヨテイ</t>
    </rPh>
    <rPh sb="10" eb="11">
      <t>ガク</t>
    </rPh>
    <phoneticPr fontId="3"/>
  </si>
  <si>
    <t>基準額</t>
    <rPh sb="0" eb="2">
      <t>キジュン</t>
    </rPh>
    <rPh sb="2" eb="3">
      <t>ガク</t>
    </rPh>
    <phoneticPr fontId="3"/>
  </si>
  <si>
    <t>選　定　額</t>
    <phoneticPr fontId="3"/>
  </si>
  <si>
    <t>補助基本額</t>
    <rPh sb="0" eb="2">
      <t>ホジョ</t>
    </rPh>
    <phoneticPr fontId="3"/>
  </si>
  <si>
    <t>補助率</t>
    <rPh sb="0" eb="3">
      <t>ホジョリツ</t>
    </rPh>
    <phoneticPr fontId="27"/>
  </si>
  <si>
    <t>補助基礎額</t>
    <rPh sb="0" eb="2">
      <t>ホジョ</t>
    </rPh>
    <rPh sb="2" eb="4">
      <t>キソ</t>
    </rPh>
    <rPh sb="4" eb="5">
      <t>ガク</t>
    </rPh>
    <phoneticPr fontId="3"/>
  </si>
  <si>
    <t>内示額</t>
    <rPh sb="0" eb="3">
      <t>ナイジガク</t>
    </rPh>
    <phoneticPr fontId="3"/>
  </si>
  <si>
    <t>補助額</t>
    <rPh sb="0" eb="2">
      <t>ホジョ</t>
    </rPh>
    <rPh sb="2" eb="3">
      <t>ガク</t>
    </rPh>
    <phoneticPr fontId="3"/>
  </si>
  <si>
    <t>新興感染症対応力強化事業（簡易陰圧装置）</t>
    <rPh sb="0" eb="12">
      <t>シンコウカンセンショウタイオウリョクキョウカジギョウ</t>
    </rPh>
    <rPh sb="13" eb="15">
      <t>カンイ</t>
    </rPh>
    <rPh sb="15" eb="17">
      <t>インアツ</t>
    </rPh>
    <rPh sb="17" eb="19">
      <t>ソウチ</t>
    </rPh>
    <phoneticPr fontId="13"/>
  </si>
  <si>
    <t>新興感染症対応力強化事業（簡易ベッド）</t>
    <rPh sb="0" eb="2">
      <t>シンコウ</t>
    </rPh>
    <rPh sb="2" eb="5">
      <t>カンセンショウ</t>
    </rPh>
    <rPh sb="5" eb="8">
      <t>タイオウリョク</t>
    </rPh>
    <rPh sb="8" eb="10">
      <t>キョウカ</t>
    </rPh>
    <rPh sb="10" eb="12">
      <t>ジギョウ</t>
    </rPh>
    <rPh sb="13" eb="15">
      <t>カンイ</t>
    </rPh>
    <phoneticPr fontId="13"/>
  </si>
  <si>
    <t>新興感染症対応力強化事業（HEPAフィルター付き空気清浄機）</t>
    <rPh sb="0" eb="2">
      <t>シンコウ</t>
    </rPh>
    <rPh sb="2" eb="5">
      <t>カンセンショウ</t>
    </rPh>
    <rPh sb="5" eb="8">
      <t>タイオウリョク</t>
    </rPh>
    <rPh sb="8" eb="10">
      <t>キョウカ</t>
    </rPh>
    <rPh sb="10" eb="12">
      <t>ジギョウ</t>
    </rPh>
    <rPh sb="22" eb="23">
      <t>ツ</t>
    </rPh>
    <rPh sb="24" eb="26">
      <t>クウキ</t>
    </rPh>
    <rPh sb="26" eb="29">
      <t>セイジョウキ</t>
    </rPh>
    <phoneticPr fontId="13"/>
  </si>
  <si>
    <t>（記入要領）</t>
    <rPh sb="1" eb="3">
      <t>キニュウ</t>
    </rPh>
    <rPh sb="3" eb="5">
      <t>ヨウリョウ</t>
    </rPh>
    <phoneticPr fontId="3"/>
  </si>
  <si>
    <t>１．選定額（Ｆ）は、（Ｄ）欄と（Ｅ）欄を比較して少ない方の額。</t>
    <rPh sb="2" eb="4">
      <t>センテイ</t>
    </rPh>
    <rPh sb="4" eb="5">
      <t>ガク</t>
    </rPh>
    <rPh sb="13" eb="14">
      <t>ラン</t>
    </rPh>
    <rPh sb="18" eb="19">
      <t>ラン</t>
    </rPh>
    <rPh sb="20" eb="22">
      <t>ヒカク</t>
    </rPh>
    <rPh sb="24" eb="25">
      <t>スク</t>
    </rPh>
    <rPh sb="27" eb="28">
      <t>ホウ</t>
    </rPh>
    <rPh sb="29" eb="30">
      <t>ガク</t>
    </rPh>
    <phoneticPr fontId="3"/>
  </si>
  <si>
    <t>開設者</t>
    <rPh sb="0" eb="3">
      <t>カイセツシャ</t>
    </rPh>
    <phoneticPr fontId="27"/>
  </si>
  <si>
    <t>補助対象外経費</t>
    <rPh sb="0" eb="2">
      <t>ホジョ</t>
    </rPh>
    <rPh sb="2" eb="4">
      <t>タイショウ</t>
    </rPh>
    <rPh sb="4" eb="5">
      <t>ガイ</t>
    </rPh>
    <rPh sb="5" eb="7">
      <t>ケイヒ</t>
    </rPh>
    <phoneticPr fontId="2"/>
  </si>
  <si>
    <t>円</t>
    <rPh sb="0" eb="1">
      <t>エン</t>
    </rPh>
    <phoneticPr fontId="2"/>
  </si>
  <si>
    <t>補助額合計</t>
    <rPh sb="0" eb="2">
      <t>ホジョ</t>
    </rPh>
    <rPh sb="2" eb="3">
      <t>ガク</t>
    </rPh>
    <rPh sb="3" eb="5">
      <t>ゴウケイ</t>
    </rPh>
    <phoneticPr fontId="2"/>
  </si>
  <si>
    <t>開設者名</t>
    <rPh sb="0" eb="3">
      <t>カイセツシャ</t>
    </rPh>
    <rPh sb="3" eb="4">
      <t>メイ</t>
    </rPh>
    <phoneticPr fontId="2"/>
  </si>
  <si>
    <t>令和６年度神奈川県協定締結医療機関設備整備費補助金交付申請書</t>
    <rPh sb="0" eb="2">
      <t>レイワ</t>
    </rPh>
    <rPh sb="25" eb="27">
      <t>コウフ</t>
    </rPh>
    <rPh sb="27" eb="30">
      <t>シンセイショ</t>
    </rPh>
    <phoneticPr fontId="2"/>
  </si>
  <si>
    <t>台数
（病床数）</t>
    <rPh sb="0" eb="2">
      <t>ダイスウ</t>
    </rPh>
    <rPh sb="4" eb="7">
      <t>ビョウショウスウ</t>
    </rPh>
    <phoneticPr fontId="2"/>
  </si>
  <si>
    <t>協定種別
（複数回答可能）</t>
    <rPh sb="0" eb="2">
      <t>キョウテイ</t>
    </rPh>
    <rPh sb="2" eb="4">
      <t>シュベツ</t>
    </rPh>
    <rPh sb="6" eb="8">
      <t>フクスウ</t>
    </rPh>
    <rPh sb="8" eb="10">
      <t>カイトウ</t>
    </rPh>
    <rPh sb="10" eb="12">
      <t>カノウ</t>
    </rPh>
    <phoneticPr fontId="2"/>
  </si>
  <si>
    <t>100％同一の資本に属するグループ企業</t>
    <phoneticPr fontId="2"/>
  </si>
  <si>
    <t>＊２を選択した場合は補助対象外となります。</t>
    <rPh sb="3" eb="5">
      <t>センタク</t>
    </rPh>
    <rPh sb="7" eb="9">
      <t>バアイ</t>
    </rPh>
    <rPh sb="10" eb="12">
      <t>ホジョ</t>
    </rPh>
    <rPh sb="12" eb="14">
      <t>タイショウ</t>
    </rPh>
    <rPh sb="14" eb="15">
      <t>ガイ</t>
    </rPh>
    <phoneticPr fontId="2"/>
  </si>
  <si>
    <t>＊２を選択した場合、申請機器によっては財産処分制限期間の残年数に応じた補助額の返還が必要になります。</t>
    <rPh sb="3" eb="5">
      <t>センタク</t>
    </rPh>
    <rPh sb="7" eb="9">
      <t>バアイ</t>
    </rPh>
    <rPh sb="10" eb="12">
      <t>シンセイ</t>
    </rPh>
    <rPh sb="12" eb="14">
      <t>キキ</t>
    </rPh>
    <rPh sb="19" eb="21">
      <t>ザイサン</t>
    </rPh>
    <rPh sb="21" eb="23">
      <t>ショブン</t>
    </rPh>
    <rPh sb="23" eb="25">
      <t>セイゲン</t>
    </rPh>
    <rPh sb="25" eb="27">
      <t>キカン</t>
    </rPh>
    <rPh sb="28" eb="29">
      <t>ザン</t>
    </rPh>
    <rPh sb="29" eb="31">
      <t>ネンスウ</t>
    </rPh>
    <rPh sb="32" eb="33">
      <t>オウ</t>
    </rPh>
    <rPh sb="35" eb="37">
      <t>ホジョ</t>
    </rPh>
    <rPh sb="37" eb="38">
      <t>ガク</t>
    </rPh>
    <rPh sb="39" eb="41">
      <t>ヘンカン</t>
    </rPh>
    <rPh sb="42" eb="44">
      <t>ヒツヨウ</t>
    </rPh>
    <phoneticPr fontId="2"/>
  </si>
  <si>
    <t>（１）申請設備整備の様態を以下より選択してください。</t>
    <rPh sb="3" eb="5">
      <t>シンセイ</t>
    </rPh>
    <rPh sb="5" eb="7">
      <t>セツビ</t>
    </rPh>
    <rPh sb="7" eb="9">
      <t>セイビ</t>
    </rPh>
    <rPh sb="10" eb="12">
      <t>ヨウタイ</t>
    </rPh>
    <rPh sb="13" eb="15">
      <t>イカ</t>
    </rPh>
    <rPh sb="17" eb="19">
      <t>センタク</t>
    </rPh>
    <phoneticPr fontId="2"/>
  </si>
  <si>
    <t>（２）申請機器の内示額を以下に記載してください。</t>
    <rPh sb="3" eb="5">
      <t>シンセイ</t>
    </rPh>
    <rPh sb="5" eb="7">
      <t>キキ</t>
    </rPh>
    <rPh sb="8" eb="10">
      <t>ナイジ</t>
    </rPh>
    <rPh sb="10" eb="11">
      <t>ガク</t>
    </rPh>
    <rPh sb="12" eb="14">
      <t>イカ</t>
    </rPh>
    <rPh sb="15" eb="17">
      <t>キサイ</t>
    </rPh>
    <phoneticPr fontId="2"/>
  </si>
  <si>
    <t>（３）申請機器を購入するにあたり当補助金以外で寄付金その他収入を購入資金に充てる場合はその金額を以下に記載してください。</t>
    <rPh sb="3" eb="5">
      <t>シンセイ</t>
    </rPh>
    <rPh sb="5" eb="7">
      <t>キキ</t>
    </rPh>
    <rPh sb="8" eb="10">
      <t>コウニュウ</t>
    </rPh>
    <rPh sb="16" eb="17">
      <t>トウ</t>
    </rPh>
    <rPh sb="17" eb="19">
      <t>ホジョ</t>
    </rPh>
    <rPh sb="19" eb="20">
      <t>キン</t>
    </rPh>
    <rPh sb="20" eb="22">
      <t>イガイ</t>
    </rPh>
    <rPh sb="29" eb="31">
      <t>シュウニュウ</t>
    </rPh>
    <rPh sb="32" eb="34">
      <t>コウニュウ</t>
    </rPh>
    <rPh sb="34" eb="36">
      <t>シキン</t>
    </rPh>
    <rPh sb="37" eb="38">
      <t>ア</t>
    </rPh>
    <rPh sb="40" eb="42">
      <t>バアイ</t>
    </rPh>
    <rPh sb="45" eb="47">
      <t>キンガク</t>
    </rPh>
    <rPh sb="48" eb="50">
      <t>イカ</t>
    </rPh>
    <rPh sb="51" eb="53">
      <t>キサイ</t>
    </rPh>
    <phoneticPr fontId="2"/>
  </si>
  <si>
    <t>寄付金その他
収入額</t>
    <rPh sb="0" eb="3">
      <t>キフキン</t>
    </rPh>
    <rPh sb="5" eb="6">
      <t>タ</t>
    </rPh>
    <rPh sb="7" eb="9">
      <t>シュウニュウ</t>
    </rPh>
    <rPh sb="9" eb="10">
      <t>ガク</t>
    </rPh>
    <phoneticPr fontId="2"/>
  </si>
  <si>
    <t>金額
（円）</t>
    <rPh sb="0" eb="2">
      <t>キンガク</t>
    </rPh>
    <rPh sb="4" eb="5">
      <t>エン</t>
    </rPh>
    <phoneticPr fontId="2"/>
  </si>
  <si>
    <t>（５）（４）で回答した購入金額の内、補助対象外経費を以下に記載してください。</t>
    <rPh sb="7" eb="9">
      <t>カイトウ</t>
    </rPh>
    <rPh sb="11" eb="13">
      <t>コウニュウ</t>
    </rPh>
    <rPh sb="13" eb="15">
      <t>キンガク</t>
    </rPh>
    <rPh sb="16" eb="17">
      <t>ウチ</t>
    </rPh>
    <rPh sb="18" eb="20">
      <t>ホジョ</t>
    </rPh>
    <rPh sb="20" eb="22">
      <t>タイショウ</t>
    </rPh>
    <rPh sb="22" eb="23">
      <t>ガイ</t>
    </rPh>
    <rPh sb="23" eb="25">
      <t>ケイヒ</t>
    </rPh>
    <rPh sb="26" eb="28">
      <t>イカ</t>
    </rPh>
    <rPh sb="29" eb="31">
      <t>キサイ</t>
    </rPh>
    <phoneticPr fontId="2"/>
  </si>
  <si>
    <t>（６）過去の導入状況</t>
    <rPh sb="3" eb="5">
      <t>カコ</t>
    </rPh>
    <rPh sb="6" eb="8">
      <t>ドウニュウ</t>
    </rPh>
    <rPh sb="8" eb="10">
      <t>ジョウキョウ</t>
    </rPh>
    <phoneticPr fontId="2"/>
  </si>
  <si>
    <t>台数
（台）</t>
    <rPh sb="0" eb="2">
      <t>ダイスウ</t>
    </rPh>
    <rPh sb="4" eb="5">
      <t>ダイ</t>
    </rPh>
    <phoneticPr fontId="2"/>
  </si>
  <si>
    <t>購入年度
（年度）</t>
    <rPh sb="0" eb="2">
      <t>コウニュウ</t>
    </rPh>
    <rPh sb="2" eb="4">
      <t>ネンド</t>
    </rPh>
    <rPh sb="6" eb="8">
      <t>ネンド</t>
    </rPh>
    <phoneticPr fontId="2"/>
  </si>
  <si>
    <t>（２）申請機器の内示額を以下に記載してください。</t>
    <rPh sb="3" eb="5">
      <t>シンセイ</t>
    </rPh>
    <rPh sb="5" eb="7">
      <t>キキ</t>
    </rPh>
    <rPh sb="8" eb="11">
      <t>ナイジガク</t>
    </rPh>
    <rPh sb="12" eb="14">
      <t>イカ</t>
    </rPh>
    <rPh sb="15" eb="17">
      <t>キサイ</t>
    </rPh>
    <phoneticPr fontId="2"/>
  </si>
  <si>
    <t>（３）申請機器を購入するにあたり当補助金以外で寄付金その他収入を購入資金に充てる場合はその金額を以下に記載してください。</t>
    <phoneticPr fontId="2"/>
  </si>
  <si>
    <t>（５）（４）で回答した購入金額の内、補助対象外経費を以下に記載してください。</t>
    <phoneticPr fontId="2"/>
  </si>
  <si>
    <t>＊法人等の場合、当該拡大に係る事業計画書があれば、添付資料として提出してください。</t>
    <phoneticPr fontId="2"/>
  </si>
  <si>
    <t>４　申請機器導入により可能となる１日の検査数</t>
    <phoneticPr fontId="2"/>
  </si>
  <si>
    <t>（６） 簡易ベッドの設置予定場所及び使用方法を以下より選択してください。</t>
    <rPh sb="4" eb="6">
      <t>カンイ</t>
    </rPh>
    <rPh sb="10" eb="12">
      <t>セッチ</t>
    </rPh>
    <rPh sb="12" eb="14">
      <t>ヨテイ</t>
    </rPh>
    <rPh sb="14" eb="16">
      <t>バショ</t>
    </rPh>
    <rPh sb="16" eb="17">
      <t>オヨ</t>
    </rPh>
    <rPh sb="18" eb="20">
      <t>シヨウ</t>
    </rPh>
    <rPh sb="20" eb="22">
      <t>ホウホウ</t>
    </rPh>
    <rPh sb="23" eb="25">
      <t>イカ</t>
    </rPh>
    <rPh sb="27" eb="29">
      <t>センタク</t>
    </rPh>
    <phoneticPr fontId="2"/>
  </si>
  <si>
    <t>（７）過去の導入状況</t>
    <rPh sb="3" eb="5">
      <t>カコ</t>
    </rPh>
    <rPh sb="6" eb="8">
      <t>ドウニュウ</t>
    </rPh>
    <rPh sb="8" eb="10">
      <t>ジョウキョウ</t>
    </rPh>
    <phoneticPr fontId="2"/>
  </si>
  <si>
    <t>＊法人等の場合、当該拡大に係る事業計画書があれば、添付資料として提出してください。</t>
    <rPh sb="1" eb="3">
      <t>ホウジン</t>
    </rPh>
    <rPh sb="3" eb="4">
      <t>トウ</t>
    </rPh>
    <rPh sb="5" eb="7">
      <t>バアイ</t>
    </rPh>
    <rPh sb="8" eb="10">
      <t>トウガイ</t>
    </rPh>
    <rPh sb="10" eb="12">
      <t>カクダイ</t>
    </rPh>
    <rPh sb="13" eb="14">
      <t>カカ</t>
    </rPh>
    <rPh sb="15" eb="17">
      <t>ジギョウ</t>
    </rPh>
    <rPh sb="17" eb="20">
      <t>ケイカクショ</t>
    </rPh>
    <rPh sb="25" eb="27">
      <t>テンプ</t>
    </rPh>
    <rPh sb="27" eb="29">
      <t>シリョウ</t>
    </rPh>
    <rPh sb="32" eb="34">
      <t>テイシュツ</t>
    </rPh>
    <phoneticPr fontId="2"/>
  </si>
  <si>
    <t>確 認 書
（HEPAフィルター付き空気清浄機（陰圧対応可能なもの））</t>
    <rPh sb="16" eb="23">
      <t>ツキクウキセイジョウキ（</t>
    </rPh>
    <rPh sb="23" eb="28">
      <t>インアツタイオウ</t>
    </rPh>
    <rPh sb="28" eb="30">
      <t>カノウ</t>
    </rPh>
    <phoneticPr fontId="2"/>
  </si>
  <si>
    <t>※いいえを選択した場合は補助対象外となります。</t>
    <rPh sb="5" eb="7">
      <t>センタク</t>
    </rPh>
    <rPh sb="9" eb="11">
      <t>バアイ</t>
    </rPh>
    <rPh sb="12" eb="14">
      <t>ホジョ</t>
    </rPh>
    <rPh sb="14" eb="16">
      <t>タイショウ</t>
    </rPh>
    <rPh sb="16" eb="17">
      <t>ガイ</t>
    </rPh>
    <phoneticPr fontId="2"/>
  </si>
  <si>
    <t>＊法人等の場合、当該拡大に係る事業計画書があれば、添付資料として提出してください。</t>
    <phoneticPr fontId="2"/>
  </si>
  <si>
    <t>＊１台ごとの設置場所における使用用途を記載してください。</t>
    <rPh sb="19" eb="21">
      <t>キサイ</t>
    </rPh>
    <phoneticPr fontId="2"/>
  </si>
  <si>
    <t>開設者名</t>
    <rPh sb="0" eb="2">
      <t>カイセツ</t>
    </rPh>
    <rPh sb="2" eb="3">
      <t>シャ</t>
    </rPh>
    <rPh sb="3" eb="4">
      <t>メイ</t>
    </rPh>
    <phoneticPr fontId="2"/>
  </si>
  <si>
    <t>担当者名</t>
    <rPh sb="0" eb="2">
      <t>タントウ</t>
    </rPh>
    <rPh sb="2" eb="3">
      <t>シャ</t>
    </rPh>
    <rPh sb="3" eb="4">
      <t>メイ</t>
    </rPh>
    <phoneticPr fontId="2"/>
  </si>
  <si>
    <t>担当者名</t>
    <rPh sb="0" eb="2">
      <t>タントウ</t>
    </rPh>
    <rPh sb="2" eb="3">
      <t>シャ</t>
    </rPh>
    <rPh sb="3" eb="4">
      <t>メイ</t>
    </rPh>
    <phoneticPr fontId="2"/>
  </si>
  <si>
    <t xml:space="preserve"> 簡易ベッドについて申請時点での導入状況（補助品、自費購入品を含む）を規格とともに入力してください。</t>
    <rPh sb="1" eb="3">
      <t>カンイ</t>
    </rPh>
    <rPh sb="18" eb="20">
      <t>ジョウキョウ</t>
    </rPh>
    <phoneticPr fontId="2"/>
  </si>
  <si>
    <t>（６）申請機器はHEPAフィルター付きの空気清浄機ですか。</t>
    <rPh sb="3" eb="5">
      <t>シンセイ</t>
    </rPh>
    <rPh sb="5" eb="7">
      <t>キキ</t>
    </rPh>
    <rPh sb="17" eb="18">
      <t>ツ</t>
    </rPh>
    <rPh sb="20" eb="22">
      <t>クウキ</t>
    </rPh>
    <rPh sb="22" eb="25">
      <t>セイジョウキ</t>
    </rPh>
    <phoneticPr fontId="2"/>
  </si>
  <si>
    <t>（７）申請機器は陰圧対応が可能ですか。</t>
    <rPh sb="3" eb="5">
      <t>シンセイ</t>
    </rPh>
    <rPh sb="5" eb="7">
      <t>キキ</t>
    </rPh>
    <rPh sb="8" eb="10">
      <t>インアツ</t>
    </rPh>
    <rPh sb="10" eb="12">
      <t>タイオウ</t>
    </rPh>
    <rPh sb="13" eb="15">
      <t>カノウ</t>
    </rPh>
    <phoneticPr fontId="2"/>
  </si>
  <si>
    <t>合計</t>
    <phoneticPr fontId="2"/>
  </si>
  <si>
    <t>確　認　書（簡易陰圧装置）</t>
    <rPh sb="6" eb="8">
      <t>カンイ</t>
    </rPh>
    <rPh sb="8" eb="10">
      <t>インアツ</t>
    </rPh>
    <rPh sb="10" eb="12">
      <t>ソウチ</t>
    </rPh>
    <phoneticPr fontId="2"/>
  </si>
  <si>
    <t>確　認　書（簡易ベッド）</t>
    <rPh sb="6" eb="8">
      <t>カンイ</t>
    </rPh>
    <phoneticPr fontId="2"/>
  </si>
  <si>
    <t>連絡先</t>
    <phoneticPr fontId="2"/>
  </si>
  <si>
    <t>　神奈川県協定締結医療機関設備整備費補助金交付要綱第５条第１項の規定に基づき</t>
    <phoneticPr fontId="2"/>
  </si>
  <si>
    <t>※事務担当者氏名ではありません。
※役職名から入力してください。
例）理事長　神奈川　次郎</t>
    <rPh sb="18" eb="21">
      <t>ヤクショクメイ</t>
    </rPh>
    <rPh sb="23" eb="25">
      <t>ニュウリョク</t>
    </rPh>
    <rPh sb="33" eb="34">
      <t>レイ</t>
    </rPh>
    <rPh sb="35" eb="38">
      <t>リジチョウ</t>
    </rPh>
    <rPh sb="39" eb="42">
      <t>カナガワ</t>
    </rPh>
    <rPh sb="43" eb="45">
      <t>ジロウ</t>
    </rPh>
    <phoneticPr fontId="2"/>
  </si>
  <si>
    <r>
      <t>○　エクセルシート内で、</t>
    </r>
    <r>
      <rPr>
        <b/>
        <u/>
        <sz val="12"/>
        <color rgb="FFFF0000"/>
        <rFont val="BIZ UDPゴシック"/>
        <family val="3"/>
        <charset val="128"/>
      </rPr>
      <t>行や列の追加はしない</t>
    </r>
    <r>
      <rPr>
        <sz val="12"/>
        <rFont val="BIZ UDPゴシック"/>
        <family val="3"/>
        <charset val="128"/>
      </rPr>
      <t>でください。</t>
    </r>
    <rPh sb="9" eb="10">
      <t>ナイ</t>
    </rPh>
    <rPh sb="12" eb="13">
      <t>ギョウ</t>
    </rPh>
    <rPh sb="14" eb="15">
      <t>レツ</t>
    </rPh>
    <rPh sb="16" eb="18">
      <t>ツイカ</t>
    </rPh>
    <phoneticPr fontId="2"/>
  </si>
  <si>
    <t>＊ここで入力いただいた情報が、各申請書類に反映します。</t>
    <rPh sb="15" eb="16">
      <t>カク</t>
    </rPh>
    <phoneticPr fontId="2"/>
  </si>
  <si>
    <t>【添付資料】</t>
    <rPh sb="1" eb="3">
      <t>テンプ</t>
    </rPh>
    <rPh sb="3" eb="5">
      <t>シリョウ</t>
    </rPh>
    <phoneticPr fontId="2"/>
  </si>
  <si>
    <r>
      <t xml:space="preserve">メールアドレス
</t>
    </r>
    <r>
      <rPr>
        <sz val="7"/>
        <color theme="1"/>
        <rFont val="BIZ UDPゴシック"/>
        <family val="3"/>
        <charset val="128"/>
      </rPr>
      <t>（メールの見逃しを防ぐため、組織のメールアドレスを記載してください。）</t>
    </r>
    <phoneticPr fontId="2"/>
  </si>
  <si>
    <r>
      <t>※申請書類の内容確認などで連絡することがあります。
　</t>
    </r>
    <r>
      <rPr>
        <sz val="10"/>
        <color theme="1"/>
        <rFont val="BIZ UDPゴシック"/>
        <family val="3"/>
        <charset val="128"/>
      </rPr>
      <t>書類の作成者など、申請内容の確認ができる方の連絡先を記載してください。</t>
    </r>
    <rPh sb="1" eb="3">
      <t>シンセイ</t>
    </rPh>
    <rPh sb="3" eb="5">
      <t>ショルイ</t>
    </rPh>
    <rPh sb="6" eb="8">
      <t>ナイヨウ</t>
    </rPh>
    <rPh sb="8" eb="10">
      <t>カクニン</t>
    </rPh>
    <rPh sb="13" eb="15">
      <t>レンラク</t>
    </rPh>
    <rPh sb="27" eb="29">
      <t>ショルイ</t>
    </rPh>
    <rPh sb="30" eb="32">
      <t>サクセイ</t>
    </rPh>
    <rPh sb="32" eb="33">
      <t>シャ</t>
    </rPh>
    <rPh sb="36" eb="38">
      <t>シンセイ</t>
    </rPh>
    <rPh sb="38" eb="40">
      <t>ナイヨウ</t>
    </rPh>
    <rPh sb="41" eb="43">
      <t>カクニン</t>
    </rPh>
    <rPh sb="47" eb="48">
      <t>カタ</t>
    </rPh>
    <rPh sb="49" eb="52">
      <t>レンラクサキ</t>
    </rPh>
    <rPh sb="53" eb="55">
      <t>キサイ</t>
    </rPh>
    <phoneticPr fontId="2"/>
  </si>
  <si>
    <r>
      <t xml:space="preserve">医療機関コード
</t>
    </r>
    <r>
      <rPr>
        <sz val="7"/>
        <color theme="1"/>
        <rFont val="BIZ UDPゴシック"/>
        <family val="3"/>
        <charset val="128"/>
      </rPr>
      <t>14から始まる10桁の医療機関コードを記載してください。</t>
    </r>
    <phoneticPr fontId="2"/>
  </si>
  <si>
    <t>＊機器導入後の陰圧病床数が協定締結病床数以上となる場合、超える分は原則補助対象外です。補助を希望する場合、必要に応じて協定締結内容の変更を行う必要があります。</t>
    <rPh sb="1" eb="3">
      <t>キキ</t>
    </rPh>
    <rPh sb="3" eb="5">
      <t>ドウニュウ</t>
    </rPh>
    <rPh sb="5" eb="6">
      <t>ゴ</t>
    </rPh>
    <rPh sb="7" eb="9">
      <t>インアツ</t>
    </rPh>
    <rPh sb="9" eb="11">
      <t>ビョウショウ</t>
    </rPh>
    <rPh sb="11" eb="12">
      <t>スウ</t>
    </rPh>
    <rPh sb="13" eb="17">
      <t>キョウテイテイケツ</t>
    </rPh>
    <rPh sb="17" eb="20">
      <t>ビョウショウスウ</t>
    </rPh>
    <rPh sb="20" eb="22">
      <t>イジョウ</t>
    </rPh>
    <rPh sb="25" eb="27">
      <t>バアイ</t>
    </rPh>
    <rPh sb="28" eb="29">
      <t>コ</t>
    </rPh>
    <rPh sb="31" eb="32">
      <t>ブン</t>
    </rPh>
    <rPh sb="33" eb="35">
      <t>ゲンソク</t>
    </rPh>
    <rPh sb="35" eb="37">
      <t>ホジョ</t>
    </rPh>
    <rPh sb="37" eb="39">
      <t>タイショウ</t>
    </rPh>
    <rPh sb="39" eb="40">
      <t>ガイ</t>
    </rPh>
    <rPh sb="43" eb="45">
      <t>ホジョ</t>
    </rPh>
    <rPh sb="46" eb="48">
      <t>キボウ</t>
    </rPh>
    <rPh sb="50" eb="52">
      <t>バアイ</t>
    </rPh>
    <rPh sb="53" eb="55">
      <t>ヒツヨウ</t>
    </rPh>
    <rPh sb="56" eb="57">
      <t>オウ</t>
    </rPh>
    <rPh sb="59" eb="61">
      <t>キョウテイ</t>
    </rPh>
    <rPh sb="61" eb="63">
      <t>テイケツ</t>
    </rPh>
    <rPh sb="63" eb="65">
      <t>ナイヨウ</t>
    </rPh>
    <rPh sb="66" eb="68">
      <t>ヘンコウ</t>
    </rPh>
    <rPh sb="69" eb="70">
      <t>オコナ</t>
    </rPh>
    <rPh sb="71" eb="73">
      <t>ヒツヨウ</t>
    </rPh>
    <phoneticPr fontId="2"/>
  </si>
  <si>
    <t>＊１以外を選択した場合、県交付要綱第４条に基づき、補助対象経費から利益等相当分の排除を行いますので、別途資料が必要となります。資料については、後日県からご案内します。</t>
    <rPh sb="2" eb="4">
      <t>イガイ</t>
    </rPh>
    <rPh sb="5" eb="7">
      <t>センタク</t>
    </rPh>
    <rPh sb="9" eb="11">
      <t>バアイ</t>
    </rPh>
    <rPh sb="12" eb="13">
      <t>ケン</t>
    </rPh>
    <rPh sb="13" eb="15">
      <t>コウフ</t>
    </rPh>
    <rPh sb="15" eb="17">
      <t>ヨウコウ</t>
    </rPh>
    <rPh sb="17" eb="18">
      <t>ダイ</t>
    </rPh>
    <rPh sb="19" eb="20">
      <t>ジョウ</t>
    </rPh>
    <rPh sb="21" eb="22">
      <t>モト</t>
    </rPh>
    <rPh sb="50" eb="52">
      <t>ベット</t>
    </rPh>
    <rPh sb="52" eb="54">
      <t>シリョウ</t>
    </rPh>
    <rPh sb="55" eb="57">
      <t>ヒツヨウ</t>
    </rPh>
    <rPh sb="63" eb="65">
      <t>シリョウ</t>
    </rPh>
    <rPh sb="71" eb="73">
      <t>ゴジツ</t>
    </rPh>
    <rPh sb="73" eb="74">
      <t>ケン</t>
    </rPh>
    <rPh sb="77" eb="79">
      <t>アンナイ</t>
    </rPh>
    <phoneticPr fontId="2"/>
  </si>
  <si>
    <t xml:space="preserve"> 簡易陰圧装置について、申請時点での導入状況（補助品、自費購入品を含む）を規格とともに入力してください。</t>
    <rPh sb="1" eb="3">
      <t>カンイ</t>
    </rPh>
    <rPh sb="3" eb="5">
      <t>インアツ</t>
    </rPh>
    <rPh sb="5" eb="7">
      <t>ソウチ</t>
    </rPh>
    <rPh sb="20" eb="22">
      <t>ジョウキョウ</t>
    </rPh>
    <phoneticPr fontId="2"/>
  </si>
  <si>
    <t>　複数台申請する場合は、機器導入理由とは別に、なぜ複数台の機器導入を行わなければ協定締結内容を履行できないのか、理由を詳細に記載してください。</t>
    <rPh sb="1" eb="3">
      <t>フクスウ</t>
    </rPh>
    <rPh sb="3" eb="4">
      <t>ダイ</t>
    </rPh>
    <rPh sb="4" eb="6">
      <t>シンセイ</t>
    </rPh>
    <rPh sb="8" eb="10">
      <t>バアイ</t>
    </rPh>
    <rPh sb="12" eb="14">
      <t>キキ</t>
    </rPh>
    <rPh sb="14" eb="16">
      <t>ドウニュウ</t>
    </rPh>
    <rPh sb="16" eb="18">
      <t>リユウ</t>
    </rPh>
    <rPh sb="20" eb="21">
      <t>ベツ</t>
    </rPh>
    <rPh sb="25" eb="27">
      <t>フクスウ</t>
    </rPh>
    <rPh sb="27" eb="28">
      <t>ダイ</t>
    </rPh>
    <rPh sb="29" eb="31">
      <t>キキ</t>
    </rPh>
    <rPh sb="31" eb="33">
      <t>ドウニュウ</t>
    </rPh>
    <rPh sb="34" eb="35">
      <t>オコナ</t>
    </rPh>
    <rPh sb="40" eb="42">
      <t>キョウテイ</t>
    </rPh>
    <rPh sb="42" eb="44">
      <t>テイケツ</t>
    </rPh>
    <rPh sb="44" eb="46">
      <t>ナイヨウ</t>
    </rPh>
    <rPh sb="47" eb="49">
      <t>リコウ</t>
    </rPh>
    <rPh sb="56" eb="58">
      <t>リユウ</t>
    </rPh>
    <rPh sb="59" eb="61">
      <t>ショウサイ</t>
    </rPh>
    <rPh sb="62" eb="64">
      <t>キサイ</t>
    </rPh>
    <phoneticPr fontId="2"/>
  </si>
  <si>
    <t>（２）付属機器を併せて申請する場合は、付属機器の申請理由（これがなければ、医療機関として簡易陰圧装置を活用することができない理由）を具体的に記載してください。</t>
    <rPh sb="3" eb="5">
      <t>フゾク</t>
    </rPh>
    <rPh sb="5" eb="7">
      <t>キキ</t>
    </rPh>
    <rPh sb="8" eb="9">
      <t>アワ</t>
    </rPh>
    <rPh sb="11" eb="13">
      <t>シンセイ</t>
    </rPh>
    <rPh sb="15" eb="17">
      <t>バアイ</t>
    </rPh>
    <rPh sb="19" eb="21">
      <t>フゾク</t>
    </rPh>
    <rPh sb="21" eb="23">
      <t>キキ</t>
    </rPh>
    <rPh sb="24" eb="26">
      <t>シンセイ</t>
    </rPh>
    <rPh sb="26" eb="28">
      <t>リユウ</t>
    </rPh>
    <rPh sb="44" eb="46">
      <t>カンイ</t>
    </rPh>
    <rPh sb="46" eb="48">
      <t>インアツ</t>
    </rPh>
    <rPh sb="48" eb="50">
      <t>ソウチ</t>
    </rPh>
    <rPh sb="51" eb="53">
      <t>カツヨウ</t>
    </rPh>
    <rPh sb="62" eb="64">
      <t>リユウ</t>
    </rPh>
    <rPh sb="66" eb="69">
      <t>グタイテキ</t>
    </rPh>
    <rPh sb="70" eb="72">
      <t>キサイ</t>
    </rPh>
    <phoneticPr fontId="2"/>
  </si>
  <si>
    <t>＊１以外を選択した場合、県交付要綱第４条に基づき、補助対象経費から利益等相当分の排除を行いますので、別途資料が必要となります。資料については、後日県からご案内します。</t>
    <phoneticPr fontId="2"/>
  </si>
  <si>
    <t>　新興感染症発生・まん延時に、医療措置協定締結病床を陰圧化する必要がある場合に必要な簡易陰圧装置を補助します。
　その前提のもと、以下の項目にご回答ください。</t>
    <rPh sb="1" eb="3">
      <t>シンコウ</t>
    </rPh>
    <rPh sb="3" eb="6">
      <t>カンセンショウ</t>
    </rPh>
    <rPh sb="6" eb="8">
      <t>ハッセイ</t>
    </rPh>
    <rPh sb="12" eb="13">
      <t>ジ</t>
    </rPh>
    <rPh sb="15" eb="17">
      <t>イリョウ</t>
    </rPh>
    <rPh sb="17" eb="19">
      <t>ソチ</t>
    </rPh>
    <rPh sb="19" eb="21">
      <t>キョウテイ</t>
    </rPh>
    <rPh sb="21" eb="23">
      <t>テイケツ</t>
    </rPh>
    <rPh sb="23" eb="25">
      <t>ビョウショウ</t>
    </rPh>
    <rPh sb="26" eb="28">
      <t>インアツ</t>
    </rPh>
    <rPh sb="28" eb="29">
      <t>カ</t>
    </rPh>
    <rPh sb="31" eb="33">
      <t>ヒツヨウ</t>
    </rPh>
    <rPh sb="36" eb="38">
      <t>バアイ</t>
    </rPh>
    <rPh sb="39" eb="41">
      <t>ヒツヨウ</t>
    </rPh>
    <rPh sb="42" eb="44">
      <t>カンイ</t>
    </rPh>
    <rPh sb="44" eb="46">
      <t>インアツ</t>
    </rPh>
    <rPh sb="46" eb="48">
      <t>ソウチ</t>
    </rPh>
    <rPh sb="49" eb="51">
      <t>ホジョ</t>
    </rPh>
    <rPh sb="59" eb="61">
      <t>ゼンテイ</t>
    </rPh>
    <rPh sb="65" eb="67">
      <t>イカ</t>
    </rPh>
    <rPh sb="68" eb="70">
      <t>コウモク</t>
    </rPh>
    <rPh sb="72" eb="74">
      <t>カイトウ</t>
    </rPh>
    <phoneticPr fontId="2"/>
  </si>
  <si>
    <t>（３）申請機器を購入するに当たり、当補助金以外の寄付金その他収入を購入資金に充てる場合は、その金額を以下に記載してください。</t>
    <rPh sb="13" eb="14">
      <t>ア</t>
    </rPh>
    <phoneticPr fontId="2"/>
  </si>
  <si>
    <t>寄付金その他収入額</t>
    <phoneticPr fontId="2"/>
  </si>
  <si>
    <t>※2の場合は補助対象外となります。</t>
    <rPh sb="3" eb="5">
      <t>バアイ</t>
    </rPh>
    <phoneticPr fontId="2"/>
  </si>
  <si>
    <t>　選択欄</t>
    <rPh sb="1" eb="3">
      <t>センタク</t>
    </rPh>
    <rPh sb="3" eb="4">
      <t>ラン</t>
    </rPh>
    <phoneticPr fontId="2"/>
  </si>
  <si>
    <t>検査キット対応状況を以下より選択してください。</t>
    <rPh sb="0" eb="2">
      <t>ケンサ</t>
    </rPh>
    <rPh sb="5" eb="7">
      <t>タイオウ</t>
    </rPh>
    <rPh sb="7" eb="9">
      <t>ジョウキョウ</t>
    </rPh>
    <rPh sb="10" eb="12">
      <t>イカ</t>
    </rPh>
    <rPh sb="14" eb="16">
      <t>センタク</t>
    </rPh>
    <phoneticPr fontId="2"/>
  </si>
  <si>
    <t>（１）複数台の申請の場合は、機器導入理由とは別に、なぜ複数台の機器導入を行わなければ協定締結内容を履行できないのか詳細に理由を記載してください。</t>
    <rPh sb="3" eb="5">
      <t>フクスウ</t>
    </rPh>
    <rPh sb="5" eb="6">
      <t>ダイ</t>
    </rPh>
    <rPh sb="7" eb="9">
      <t>シンセイ</t>
    </rPh>
    <rPh sb="10" eb="12">
      <t>バアイ</t>
    </rPh>
    <rPh sb="14" eb="16">
      <t>キキ</t>
    </rPh>
    <rPh sb="16" eb="18">
      <t>ドウニュウ</t>
    </rPh>
    <rPh sb="18" eb="20">
      <t>リユウ</t>
    </rPh>
    <rPh sb="22" eb="23">
      <t>ベツ</t>
    </rPh>
    <rPh sb="27" eb="29">
      <t>フクスウ</t>
    </rPh>
    <rPh sb="29" eb="30">
      <t>ダイ</t>
    </rPh>
    <rPh sb="31" eb="33">
      <t>キキ</t>
    </rPh>
    <rPh sb="33" eb="35">
      <t>ドウニュウ</t>
    </rPh>
    <rPh sb="36" eb="37">
      <t>オコナ</t>
    </rPh>
    <rPh sb="42" eb="44">
      <t>キョウテイ</t>
    </rPh>
    <rPh sb="44" eb="46">
      <t>テイケツ</t>
    </rPh>
    <rPh sb="46" eb="48">
      <t>ナイヨウ</t>
    </rPh>
    <rPh sb="49" eb="51">
      <t>リコウ</t>
    </rPh>
    <rPh sb="57" eb="59">
      <t>ショウサイ</t>
    </rPh>
    <rPh sb="60" eb="62">
      <t>リユウ</t>
    </rPh>
    <rPh sb="63" eb="65">
      <t>キサイ</t>
    </rPh>
    <phoneticPr fontId="2"/>
  </si>
  <si>
    <t>（２）複数モジュールの申請の場合は、機器導入理由とは別に、なぜ複数モジュールの導入を行わなければ協定締結内容を履行できないのか詳細に理由を記載してください。</t>
    <phoneticPr fontId="2"/>
  </si>
  <si>
    <t>寄付金その他収入額</t>
    <rPh sb="0" eb="3">
      <t>キフキン</t>
    </rPh>
    <rPh sb="5" eb="6">
      <t>タ</t>
    </rPh>
    <rPh sb="6" eb="8">
      <t>シュウニュウ</t>
    </rPh>
    <rPh sb="8" eb="9">
      <t>ガク</t>
    </rPh>
    <phoneticPr fontId="2"/>
  </si>
  <si>
    <t>　 新興感染症発生・まん延時に医療措置協定締結内容を履行するために必要となる簡易ベッドを補助します。
　 その前提のもと、以下の項目に回答してください。</t>
    <rPh sb="2" eb="4">
      <t>シンコウ</t>
    </rPh>
    <rPh sb="4" eb="7">
      <t>カンセンショウ</t>
    </rPh>
    <rPh sb="7" eb="9">
      <t>ハッセイ</t>
    </rPh>
    <rPh sb="13" eb="14">
      <t>ジ</t>
    </rPh>
    <rPh sb="15" eb="17">
      <t>イリョウ</t>
    </rPh>
    <rPh sb="17" eb="19">
      <t>ソチ</t>
    </rPh>
    <rPh sb="19" eb="21">
      <t>キョウテイ</t>
    </rPh>
    <rPh sb="21" eb="23">
      <t>テイケツ</t>
    </rPh>
    <rPh sb="23" eb="25">
      <t>ナイヨウ</t>
    </rPh>
    <rPh sb="26" eb="28">
      <t>リコウ</t>
    </rPh>
    <rPh sb="33" eb="35">
      <t>ヒツヨウ</t>
    </rPh>
    <rPh sb="38" eb="40">
      <t>カンイ</t>
    </rPh>
    <rPh sb="44" eb="46">
      <t>ホジョ</t>
    </rPh>
    <rPh sb="55" eb="57">
      <t>ゼンテイ</t>
    </rPh>
    <rPh sb="61" eb="63">
      <t>イカ</t>
    </rPh>
    <rPh sb="64" eb="66">
      <t>コウモク</t>
    </rPh>
    <rPh sb="67" eb="69">
      <t>カイトウ</t>
    </rPh>
    <phoneticPr fontId="2"/>
  </si>
  <si>
    <t>（３）申請機器を購入するに当たり、当補助金以外の寄付金その他収入を購入資金に充てる場合は、その金額を以下に記載してください。</t>
    <rPh sb="3" eb="5">
      <t>シンセイ</t>
    </rPh>
    <rPh sb="5" eb="7">
      <t>キキ</t>
    </rPh>
    <rPh sb="8" eb="10">
      <t>コウニュウ</t>
    </rPh>
    <rPh sb="13" eb="14">
      <t>ア</t>
    </rPh>
    <rPh sb="17" eb="18">
      <t>トウ</t>
    </rPh>
    <rPh sb="18" eb="20">
      <t>ホジョ</t>
    </rPh>
    <rPh sb="20" eb="21">
      <t>キン</t>
    </rPh>
    <rPh sb="21" eb="23">
      <t>イガイ</t>
    </rPh>
    <rPh sb="30" eb="32">
      <t>シュウニュウ</t>
    </rPh>
    <rPh sb="33" eb="35">
      <t>コウニュウ</t>
    </rPh>
    <rPh sb="35" eb="37">
      <t>シキン</t>
    </rPh>
    <rPh sb="38" eb="39">
      <t>ア</t>
    </rPh>
    <rPh sb="41" eb="43">
      <t>バアイ</t>
    </rPh>
    <rPh sb="47" eb="49">
      <t>キンガク</t>
    </rPh>
    <rPh sb="50" eb="52">
      <t>イカ</t>
    </rPh>
    <rPh sb="53" eb="55">
      <t>キサイ</t>
    </rPh>
    <phoneticPr fontId="2"/>
  </si>
  <si>
    <r>
      <t>＊参考として</t>
    </r>
    <r>
      <rPr>
        <u/>
        <sz val="11"/>
        <color rgb="FFFF0000"/>
        <rFont val="BIZ UDPゴシック"/>
        <family val="3"/>
        <charset val="128"/>
      </rPr>
      <t>新興感染症発生・まん延時の配置図等を提出</t>
    </r>
    <r>
      <rPr>
        <sz val="11"/>
        <color theme="1"/>
        <rFont val="BIZ UDPゴシック"/>
        <family val="3"/>
        <charset val="128"/>
      </rPr>
      <t>してください。
　（現状の簡易ベッド導入状況、今回申請する設備の設置予定場所は必ず明示して下さい。）</t>
    </r>
    <rPh sb="1" eb="3">
      <t>サンコウ</t>
    </rPh>
    <rPh sb="6" eb="8">
      <t>シンコウ</t>
    </rPh>
    <rPh sb="8" eb="11">
      <t>カンセンショウ</t>
    </rPh>
    <rPh sb="11" eb="13">
      <t>ハッセイ</t>
    </rPh>
    <rPh sb="17" eb="18">
      <t>ジ</t>
    </rPh>
    <rPh sb="19" eb="21">
      <t>ハイチ</t>
    </rPh>
    <rPh sb="21" eb="22">
      <t>ズ</t>
    </rPh>
    <rPh sb="22" eb="23">
      <t>トウ</t>
    </rPh>
    <rPh sb="24" eb="26">
      <t>テイシュツ</t>
    </rPh>
    <rPh sb="36" eb="38">
      <t>ゲンジョウ</t>
    </rPh>
    <rPh sb="39" eb="41">
      <t>カンイ</t>
    </rPh>
    <rPh sb="44" eb="46">
      <t>ドウニュウ</t>
    </rPh>
    <rPh sb="46" eb="48">
      <t>ジョウキョウ</t>
    </rPh>
    <rPh sb="49" eb="51">
      <t>コンカイ</t>
    </rPh>
    <rPh sb="51" eb="53">
      <t>シンセイ</t>
    </rPh>
    <rPh sb="55" eb="57">
      <t>セツビ</t>
    </rPh>
    <rPh sb="58" eb="60">
      <t>セッチ</t>
    </rPh>
    <rPh sb="60" eb="62">
      <t>ヨテイ</t>
    </rPh>
    <rPh sb="62" eb="64">
      <t>バショ</t>
    </rPh>
    <rPh sb="65" eb="66">
      <t>カナラ</t>
    </rPh>
    <rPh sb="67" eb="69">
      <t>メイジ</t>
    </rPh>
    <rPh sb="71" eb="72">
      <t>クダ</t>
    </rPh>
    <phoneticPr fontId="2"/>
  </si>
  <si>
    <t>　新興感染症発生・まん延時に医療措置協定締結内容を履行するために必要となるHEPAフィルター付き空気清浄機（陰圧対応可能なもの）を補助します。この前提のもと、以下の項目に回答してください。</t>
    <rPh sb="1" eb="3">
      <t>シンコウ</t>
    </rPh>
    <rPh sb="3" eb="6">
      <t>カンセンショウ</t>
    </rPh>
    <rPh sb="6" eb="8">
      <t>ハッセイ</t>
    </rPh>
    <rPh sb="12" eb="13">
      <t>ジ</t>
    </rPh>
    <rPh sb="14" eb="16">
      <t>イリョウ</t>
    </rPh>
    <rPh sb="16" eb="18">
      <t>ソチ</t>
    </rPh>
    <rPh sb="46" eb="53">
      <t>ツキクウキセイジョウキ（</t>
    </rPh>
    <rPh sb="53" eb="58">
      <t>インアツタイオウ</t>
    </rPh>
    <rPh sb="58" eb="60">
      <t>カノウ</t>
    </rPh>
    <phoneticPr fontId="2"/>
  </si>
  <si>
    <t>　機器を購入する目的・理由を、（１）新興感染症発生・まん延時における現状の医療体制の不具合から、（２）今回機器を導入することにより得られる効果まで具体的に記載してください。</t>
    <rPh sb="18" eb="20">
      <t>シンコウ</t>
    </rPh>
    <rPh sb="20" eb="23">
      <t>カンセンショウ</t>
    </rPh>
    <rPh sb="23" eb="25">
      <t>ハッセイ</t>
    </rPh>
    <rPh sb="29" eb="30">
      <t>ジ</t>
    </rPh>
    <rPh sb="34" eb="36">
      <t>ゲンジョウ</t>
    </rPh>
    <phoneticPr fontId="2"/>
  </si>
  <si>
    <r>
      <t>＊参考として、</t>
    </r>
    <r>
      <rPr>
        <u/>
        <sz val="11"/>
        <color rgb="FFFF0000"/>
        <rFont val="BIZ UDPゴシック"/>
        <family val="3"/>
        <charset val="128"/>
      </rPr>
      <t>配置図等に拡大する施設や設備をマーカーなどで明示し、添付資料として提出</t>
    </r>
    <r>
      <rPr>
        <sz val="11"/>
        <color theme="1"/>
        <rFont val="BIZ UDPゴシック"/>
        <family val="3"/>
        <charset val="128"/>
      </rPr>
      <t>してください。（現状の導入状況も今回申請品と色分け等で区別できるようにして明示してください。）</t>
    </r>
    <rPh sb="50" eb="52">
      <t>ゲンジョウ</t>
    </rPh>
    <rPh sb="53" eb="55">
      <t>ドウニュウ</t>
    </rPh>
    <rPh sb="55" eb="57">
      <t>ジョウキョウ</t>
    </rPh>
    <rPh sb="58" eb="60">
      <t>コンカイ</t>
    </rPh>
    <rPh sb="60" eb="62">
      <t>シンセイ</t>
    </rPh>
    <rPh sb="62" eb="63">
      <t>ヒン</t>
    </rPh>
    <rPh sb="64" eb="66">
      <t>イロワ</t>
    </rPh>
    <rPh sb="67" eb="68">
      <t>トウ</t>
    </rPh>
    <rPh sb="69" eb="71">
      <t>クベツ</t>
    </rPh>
    <rPh sb="79" eb="81">
      <t>メイジ</t>
    </rPh>
    <phoneticPr fontId="2"/>
  </si>
  <si>
    <t>（２）付属機器を併せて申請する場合は、付属機器の申請理由（医療機関として、これがなければHEPAフィルター付き空気清浄機（陰圧対応可能なもの）を活用することができない理由）を具体的に記載してください。</t>
    <rPh sb="53" eb="60">
      <t>ツキクウキセイジョウキ（</t>
    </rPh>
    <rPh sb="60" eb="65">
      <t>インアツタイオウ</t>
    </rPh>
    <rPh sb="65" eb="67">
      <t>カノウ</t>
    </rPh>
    <phoneticPr fontId="2"/>
  </si>
  <si>
    <t>導入年度
（年度）</t>
    <rPh sb="0" eb="4">
      <t>ドウニュウネンド</t>
    </rPh>
    <rPh sb="6" eb="8">
      <t>ネンド</t>
    </rPh>
    <phoneticPr fontId="2"/>
  </si>
  <si>
    <r>
      <t>新興感染症対応力強化事業 
（協定締結医療機関施設整備事業）の内</t>
    </r>
    <r>
      <rPr>
        <b/>
        <sz val="8"/>
        <rFont val="ＭＳ 明朝"/>
        <family val="1"/>
        <charset val="128"/>
      </rPr>
      <t>簡易陰圧装置</t>
    </r>
    <rPh sb="31" eb="32">
      <t>ウチ</t>
    </rPh>
    <rPh sb="32" eb="34">
      <t>カンイ</t>
    </rPh>
    <rPh sb="34" eb="36">
      <t>インアツ</t>
    </rPh>
    <rPh sb="36" eb="38">
      <t>ソウチ</t>
    </rPh>
    <phoneticPr fontId="2"/>
  </si>
  <si>
    <r>
      <t>新興感染症対応力強化事業 
（協定締結医療機関施設整備事業）の内</t>
    </r>
    <r>
      <rPr>
        <b/>
        <sz val="8"/>
        <rFont val="ＭＳ 明朝"/>
        <family val="1"/>
        <charset val="128"/>
      </rPr>
      <t>簡易ベッド</t>
    </r>
    <rPh sb="31" eb="32">
      <t>ウチ</t>
    </rPh>
    <rPh sb="32" eb="34">
      <t>カンイ</t>
    </rPh>
    <phoneticPr fontId="2"/>
  </si>
  <si>
    <r>
      <t>新興感染症対応力強化事業 
（協定締結医療機関施設整備事業）の内</t>
    </r>
    <r>
      <rPr>
        <b/>
        <sz val="8"/>
        <rFont val="ＭＳ 明朝"/>
        <family val="1"/>
        <charset val="128"/>
      </rPr>
      <t>HEPAフィルター付き空気清浄機（陰圧対応可能なもの）</t>
    </r>
    <rPh sb="31" eb="32">
      <t>ウチ</t>
    </rPh>
    <rPh sb="41" eb="42">
      <t>ツ</t>
    </rPh>
    <rPh sb="43" eb="45">
      <t>クウキ</t>
    </rPh>
    <rPh sb="45" eb="48">
      <t>セイジョウキ</t>
    </rPh>
    <rPh sb="49" eb="51">
      <t>インアツ</t>
    </rPh>
    <rPh sb="51" eb="53">
      <t>タイオウ</t>
    </rPh>
    <rPh sb="53" eb="55">
      <t>カノウ</t>
    </rPh>
    <phoneticPr fontId="2"/>
  </si>
  <si>
    <r>
      <t>単価
（円</t>
    </r>
    <r>
      <rPr>
        <b/>
        <sz val="11"/>
        <color rgb="FF000000"/>
        <rFont val="BIZ UDPゴシック"/>
        <family val="3"/>
        <charset val="128"/>
      </rPr>
      <t>（税込み)</t>
    </r>
    <r>
      <rPr>
        <b/>
        <sz val="12"/>
        <color rgb="FF000000"/>
        <rFont val="BIZ UDPゴシック"/>
        <family val="3"/>
        <charset val="128"/>
      </rPr>
      <t>）</t>
    </r>
    <rPh sb="0" eb="2">
      <t>タンカ</t>
    </rPh>
    <phoneticPr fontId="2"/>
  </si>
  <si>
    <r>
      <t>単価
（円</t>
    </r>
    <r>
      <rPr>
        <b/>
        <sz val="11"/>
        <color theme="1"/>
        <rFont val="BIZ UDPゴシック"/>
        <family val="3"/>
        <charset val="128"/>
      </rPr>
      <t>（税込み)</t>
    </r>
    <r>
      <rPr>
        <b/>
        <sz val="12"/>
        <color theme="1"/>
        <rFont val="BIZ UDPゴシック"/>
        <family val="3"/>
        <charset val="128"/>
      </rPr>
      <t>）</t>
    </r>
    <rPh sb="0" eb="2">
      <t>タンカ</t>
    </rPh>
    <phoneticPr fontId="2"/>
  </si>
  <si>
    <r>
      <t>単価
（円</t>
    </r>
    <r>
      <rPr>
        <b/>
        <sz val="11"/>
        <color rgb="FF000000"/>
        <rFont val="BIZ UDPゴシック"/>
        <family val="3"/>
        <charset val="128"/>
      </rPr>
      <t>（税込み)</t>
    </r>
    <r>
      <rPr>
        <b/>
        <sz val="12"/>
        <color rgb="FF000000"/>
        <rFont val="BIZ UDPゴシック"/>
        <family val="3"/>
        <charset val="128"/>
      </rPr>
      <t>）</t>
    </r>
    <rPh sb="0" eb="2">
      <t>タンカ</t>
    </rPh>
    <rPh sb="4" eb="5">
      <t>エン</t>
    </rPh>
    <rPh sb="6" eb="8">
      <t>ゼイコ</t>
    </rPh>
    <phoneticPr fontId="2"/>
  </si>
  <si>
    <r>
      <t>単価
（円</t>
    </r>
    <r>
      <rPr>
        <b/>
        <sz val="10"/>
        <color theme="1"/>
        <rFont val="BIZ UDPゴシック"/>
        <family val="3"/>
        <charset val="128"/>
      </rPr>
      <t>（税込み)</t>
    </r>
    <r>
      <rPr>
        <b/>
        <sz val="12"/>
        <color theme="1"/>
        <rFont val="BIZ UDPゴシック"/>
        <family val="3"/>
        <charset val="128"/>
      </rPr>
      <t>）</t>
    </r>
    <rPh sb="0" eb="2">
      <t>タンカ</t>
    </rPh>
    <phoneticPr fontId="2"/>
  </si>
  <si>
    <r>
      <t>単価
（円</t>
    </r>
    <r>
      <rPr>
        <b/>
        <sz val="11"/>
        <color rgb="FF000000"/>
        <rFont val="BIZ UDPゴシック"/>
        <family val="3"/>
        <charset val="128"/>
      </rPr>
      <t>(税込み)</t>
    </r>
    <r>
      <rPr>
        <b/>
        <sz val="12"/>
        <color rgb="FF000000"/>
        <rFont val="BIZ UDPゴシック"/>
        <family val="3"/>
        <charset val="128"/>
      </rPr>
      <t>）</t>
    </r>
    <rPh sb="0" eb="2">
      <t>タンカ</t>
    </rPh>
    <rPh sb="4" eb="5">
      <t>エン</t>
    </rPh>
    <rPh sb="6" eb="8">
      <t>ゼイコ</t>
    </rPh>
    <phoneticPr fontId="2"/>
  </si>
  <si>
    <r>
      <t>単価
（円</t>
    </r>
    <r>
      <rPr>
        <b/>
        <sz val="11"/>
        <color theme="1"/>
        <rFont val="BIZ UDPゴシック"/>
        <family val="3"/>
        <charset val="128"/>
      </rPr>
      <t>(税込み)</t>
    </r>
    <r>
      <rPr>
        <b/>
        <sz val="12"/>
        <color theme="1"/>
        <rFont val="BIZ UDPゴシック"/>
        <family val="3"/>
        <charset val="128"/>
      </rPr>
      <t>）</t>
    </r>
    <rPh sb="0" eb="2">
      <t>タンカ</t>
    </rPh>
    <rPh sb="4" eb="5">
      <t>エン</t>
    </rPh>
    <rPh sb="6" eb="8">
      <t>ゼイコ</t>
    </rPh>
    <phoneticPr fontId="2"/>
  </si>
  <si>
    <r>
      <t>単価
（円</t>
    </r>
    <r>
      <rPr>
        <b/>
        <sz val="9"/>
        <color theme="1"/>
        <rFont val="BIZ UDPゴシック"/>
        <family val="3"/>
        <charset val="128"/>
      </rPr>
      <t>（税込み）</t>
    </r>
    <r>
      <rPr>
        <b/>
        <sz val="12"/>
        <color theme="1"/>
        <rFont val="BIZ UDPゴシック"/>
        <family val="3"/>
        <charset val="128"/>
      </rPr>
      <t>）</t>
    </r>
    <rPh sb="0" eb="2">
      <t>タンカ</t>
    </rPh>
    <rPh sb="4" eb="5">
      <t>エン</t>
    </rPh>
    <rPh sb="6" eb="8">
      <t>ゼイコ</t>
    </rPh>
    <phoneticPr fontId="2"/>
  </si>
  <si>
    <t>　 機器を購入する目的・理由を、（１）新興感染症発生・まん延時における現状の医療提供体制の不具合から、（２）今回機器を導入することにより得られる効果まで具体的に記載してください。</t>
    <rPh sb="2" eb="4">
      <t>キキ</t>
    </rPh>
    <rPh sb="5" eb="7">
      <t>コウニュウ</t>
    </rPh>
    <rPh sb="9" eb="11">
      <t>モクテキ</t>
    </rPh>
    <rPh sb="12" eb="14">
      <t>リユウ</t>
    </rPh>
    <rPh sb="19" eb="21">
      <t>シンコウ</t>
    </rPh>
    <rPh sb="21" eb="24">
      <t>カンセンショウ</t>
    </rPh>
    <rPh sb="24" eb="26">
      <t>ハッセイ</t>
    </rPh>
    <rPh sb="30" eb="31">
      <t>ジ</t>
    </rPh>
    <rPh sb="35" eb="37">
      <t>ゲンジョウ</t>
    </rPh>
    <rPh sb="38" eb="40">
      <t>イリョウ</t>
    </rPh>
    <rPh sb="40" eb="42">
      <t>テイキョウ</t>
    </rPh>
    <rPh sb="42" eb="44">
      <t>タイセイ</t>
    </rPh>
    <rPh sb="45" eb="48">
      <t>フグアイ</t>
    </rPh>
    <rPh sb="54" eb="56">
      <t>コンカイ</t>
    </rPh>
    <rPh sb="56" eb="58">
      <t>キキ</t>
    </rPh>
    <rPh sb="59" eb="61">
      <t>ドウニュウ</t>
    </rPh>
    <rPh sb="68" eb="69">
      <t>エ</t>
    </rPh>
    <rPh sb="72" eb="74">
      <t>コウカ</t>
    </rPh>
    <rPh sb="76" eb="79">
      <t>グタイテキ</t>
    </rPh>
    <rPh sb="80" eb="82">
      <t>キサイ</t>
    </rPh>
    <phoneticPr fontId="2"/>
  </si>
  <si>
    <r>
      <t>＊参考として、</t>
    </r>
    <r>
      <rPr>
        <u/>
        <sz val="11"/>
        <color rgb="FFFF0000"/>
        <rFont val="BIZ UDPゴシック"/>
        <family val="3"/>
        <charset val="128"/>
      </rPr>
      <t>新興感染症発生・まん延時の配置図等に申請設備をマーカーなどで明示したもの</t>
    </r>
    <r>
      <rPr>
        <sz val="11"/>
        <color theme="1"/>
        <rFont val="BIZ UDPゴシック"/>
        <family val="3"/>
        <charset val="128"/>
      </rPr>
      <t>を、添付資料として提出してください。
（現状の導入状況で回答した機器も、今回申請品と色分け等で区別できるようにして明示してください。）</t>
    </r>
    <rPh sb="12" eb="14">
      <t>ハッセイ</t>
    </rPh>
    <phoneticPr fontId="2"/>
  </si>
  <si>
    <t>　機器導入前の陰圧病床数及び機器導入後の陰圧病床数を、以下に記載してください。</t>
    <rPh sb="1" eb="3">
      <t>キキ</t>
    </rPh>
    <rPh sb="3" eb="5">
      <t>ドウニュウ</t>
    </rPh>
    <rPh sb="5" eb="6">
      <t>マエ</t>
    </rPh>
    <rPh sb="7" eb="9">
      <t>インアツ</t>
    </rPh>
    <rPh sb="9" eb="12">
      <t>ビョウショウスウ</t>
    </rPh>
    <rPh sb="12" eb="13">
      <t>オヨ</t>
    </rPh>
    <rPh sb="14" eb="16">
      <t>キキ</t>
    </rPh>
    <rPh sb="16" eb="18">
      <t>ドウニュウ</t>
    </rPh>
    <rPh sb="18" eb="19">
      <t>ゴ</t>
    </rPh>
    <rPh sb="20" eb="22">
      <t>インアツ</t>
    </rPh>
    <rPh sb="22" eb="25">
      <t>ビョウショウスウ</t>
    </rPh>
    <rPh sb="27" eb="29">
      <t>イカ</t>
    </rPh>
    <rPh sb="30" eb="32">
      <t>キサイ</t>
    </rPh>
    <phoneticPr fontId="2"/>
  </si>
  <si>
    <t>＊機器導入前の陰圧病床数（医療機関における感染症患者を入院させることができる陰圧病床数）を記載してください。
（申請審査の過程で、病棟全体のエリアマップ等、医療機関の陰圧病床が全て確認できる資料をご提出いただく場合があります。）</t>
    <rPh sb="1" eb="3">
      <t>キキ</t>
    </rPh>
    <rPh sb="3" eb="5">
      <t>ドウニュウ</t>
    </rPh>
    <rPh sb="5" eb="6">
      <t>マエ</t>
    </rPh>
    <rPh sb="7" eb="9">
      <t>インアツ</t>
    </rPh>
    <rPh sb="9" eb="12">
      <t>ビョウショウスウ</t>
    </rPh>
    <rPh sb="13" eb="15">
      <t>イリョウ</t>
    </rPh>
    <rPh sb="15" eb="17">
      <t>キカン</t>
    </rPh>
    <rPh sb="21" eb="24">
      <t>カンセンショウ</t>
    </rPh>
    <rPh sb="24" eb="26">
      <t>カンジャ</t>
    </rPh>
    <rPh sb="27" eb="29">
      <t>ニュウイン</t>
    </rPh>
    <rPh sb="38" eb="40">
      <t>インアツ</t>
    </rPh>
    <rPh sb="40" eb="42">
      <t>ビョウショウ</t>
    </rPh>
    <rPh sb="42" eb="43">
      <t>スウ</t>
    </rPh>
    <rPh sb="45" eb="47">
      <t>キサイ</t>
    </rPh>
    <rPh sb="56" eb="58">
      <t>シンセイ</t>
    </rPh>
    <rPh sb="58" eb="60">
      <t>シンサ</t>
    </rPh>
    <rPh sb="61" eb="63">
      <t>カテイ</t>
    </rPh>
    <rPh sb="65" eb="67">
      <t>ビョウトウ</t>
    </rPh>
    <rPh sb="67" eb="69">
      <t>ゼンタイ</t>
    </rPh>
    <rPh sb="76" eb="77">
      <t>トウ</t>
    </rPh>
    <rPh sb="78" eb="80">
      <t>イリョウ</t>
    </rPh>
    <rPh sb="80" eb="82">
      <t>キカン</t>
    </rPh>
    <rPh sb="83" eb="85">
      <t>インアツ</t>
    </rPh>
    <rPh sb="85" eb="87">
      <t>ビョウショウ</t>
    </rPh>
    <rPh sb="88" eb="89">
      <t>スベ</t>
    </rPh>
    <rPh sb="90" eb="92">
      <t>カクニン</t>
    </rPh>
    <rPh sb="95" eb="97">
      <t>シリョウ</t>
    </rPh>
    <rPh sb="99" eb="101">
      <t>テイシュツ</t>
    </rPh>
    <rPh sb="105" eb="107">
      <t>バアイ</t>
    </rPh>
    <phoneticPr fontId="2"/>
  </si>
  <si>
    <t>　機器を購入する目的・理由を、（１）新興感染症発生・まん延時における現状の医療提供体制の不具合から、（２）今回機器を導入することにより得られる効果まで具体的に記載してください。</t>
    <rPh sb="18" eb="20">
      <t>シンコウ</t>
    </rPh>
    <rPh sb="20" eb="23">
      <t>カンセンショウ</t>
    </rPh>
    <rPh sb="23" eb="25">
      <t>ハッセイ</t>
    </rPh>
    <rPh sb="29" eb="30">
      <t>ジ</t>
    </rPh>
    <rPh sb="39" eb="41">
      <t>テイキョウ</t>
    </rPh>
    <phoneticPr fontId="2"/>
  </si>
  <si>
    <t>（１）現状の検査可能件数及び今回申請機器を導入することによって対応可能となる１日当たりの検査可能件数を記載してください。</t>
    <rPh sb="12" eb="13">
      <t>オヨ</t>
    </rPh>
    <rPh sb="40" eb="41">
      <t>ア</t>
    </rPh>
    <phoneticPr fontId="2"/>
  </si>
  <si>
    <t>（８）申請機器について、新興感染症発生・まん延時に陰圧対応を行う予定はありますか。</t>
    <rPh sb="3" eb="5">
      <t>シンセイ</t>
    </rPh>
    <rPh sb="5" eb="7">
      <t>キキ</t>
    </rPh>
    <rPh sb="12" eb="14">
      <t>シンコウ</t>
    </rPh>
    <rPh sb="14" eb="17">
      <t>カンセンショウ</t>
    </rPh>
    <rPh sb="17" eb="19">
      <t>ハッセイ</t>
    </rPh>
    <rPh sb="23" eb="24">
      <t>ジ</t>
    </rPh>
    <rPh sb="25" eb="27">
      <t>インアツ</t>
    </rPh>
    <rPh sb="27" eb="29">
      <t>タイオウ</t>
    </rPh>
    <rPh sb="30" eb="31">
      <t>オコナ</t>
    </rPh>
    <rPh sb="32" eb="34">
      <t>ヨテイ</t>
    </rPh>
    <phoneticPr fontId="2"/>
  </si>
  <si>
    <t>本エクセルファイルによる交付申請書類の作成手順は次のとおりです。</t>
    <rPh sb="0" eb="1">
      <t>ホン</t>
    </rPh>
    <rPh sb="16" eb="18">
      <t>ショルイ</t>
    </rPh>
    <phoneticPr fontId="2"/>
  </si>
  <si>
    <r>
      <t>申請機器の調達先について以下より選択してください</t>
    </r>
    <r>
      <rPr>
        <b/>
        <sz val="10"/>
        <color theme="1"/>
        <rFont val="BIZ UDPゴシック"/>
        <family val="3"/>
        <charset val="128"/>
      </rPr>
      <t>（複数選択可）</t>
    </r>
    <r>
      <rPr>
        <b/>
        <sz val="12"/>
        <color theme="1"/>
        <rFont val="BIZ UDPゴシック"/>
        <family val="3"/>
        <charset val="128"/>
      </rPr>
      <t>。</t>
    </r>
    <rPh sb="0" eb="2">
      <t>シンセイ</t>
    </rPh>
    <rPh sb="2" eb="4">
      <t>キキ</t>
    </rPh>
    <rPh sb="5" eb="7">
      <t>チョウタツ</t>
    </rPh>
    <rPh sb="7" eb="8">
      <t>サキ</t>
    </rPh>
    <rPh sb="12" eb="14">
      <t>イカ</t>
    </rPh>
    <rPh sb="16" eb="18">
      <t>センタク</t>
    </rPh>
    <rPh sb="25" eb="27">
      <t>フクスウ</t>
    </rPh>
    <rPh sb="27" eb="29">
      <t>センタク</t>
    </rPh>
    <rPh sb="29" eb="30">
      <t>カ</t>
    </rPh>
    <phoneticPr fontId="2"/>
  </si>
  <si>
    <r>
      <t xml:space="preserve">申請者の関係会社
</t>
    </r>
    <r>
      <rPr>
        <sz val="8"/>
        <color theme="1"/>
        <rFont val="BIZ UDPゴシック"/>
        <family val="3"/>
        <charset val="128"/>
      </rPr>
      <t>（財務諸表等の用語、様式及び作成方法に関する規則第８条に定める関係会社）</t>
    </r>
    <rPh sb="0" eb="3">
      <t>シンセイシャ</t>
    </rPh>
    <rPh sb="4" eb="6">
      <t>カンケイ</t>
    </rPh>
    <rPh sb="6" eb="8">
      <t>カイシャ</t>
    </rPh>
    <rPh sb="33" eb="34">
      <t>ダイ</t>
    </rPh>
    <rPh sb="35" eb="36">
      <t>ジョウ</t>
    </rPh>
    <rPh sb="37" eb="38">
      <t>サダ</t>
    </rPh>
    <rPh sb="40" eb="42">
      <t>カンケイ</t>
    </rPh>
    <rPh sb="42" eb="44">
      <t>ガイシャ</t>
    </rPh>
    <phoneticPr fontId="2"/>
  </si>
  <si>
    <r>
      <t xml:space="preserve">※財産処分制限期間は「厚生労働省所管一般会計補助金等に係る財産処分承認基準」により申請機器の態様により変動しますが、通常複数年に及ぶため、医療措置協定制度が終了するまでの協定締結の継続を推奨します。
</t>
    </r>
    <r>
      <rPr>
        <sz val="10"/>
        <color theme="1"/>
        <rFont val="BIZ UDPゴシック"/>
        <family val="3"/>
        <charset val="128"/>
      </rPr>
      <t>【参考】財産処分について（関東信越厚生局のWebページ）</t>
    </r>
    <r>
      <rPr>
        <sz val="11"/>
        <color theme="1"/>
        <rFont val="BIZ UDPゴシック"/>
        <family val="3"/>
        <charset val="128"/>
      </rPr>
      <t xml:space="preserve">
　</t>
    </r>
    <r>
      <rPr>
        <sz val="9"/>
        <color theme="1"/>
        <rFont val="メイリオ"/>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キキ</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7">
      <t>キョウテイ</t>
    </rPh>
    <rPh sb="87" eb="89">
      <t>テイケツ</t>
    </rPh>
    <rPh sb="90" eb="92">
      <t>ケイゾク</t>
    </rPh>
    <rPh sb="93" eb="95">
      <t>スイショウ</t>
    </rPh>
    <rPh sb="101" eb="103">
      <t>サンコウ</t>
    </rPh>
    <rPh sb="104" eb="106">
      <t>ザイサン</t>
    </rPh>
    <rPh sb="106" eb="108">
      <t>ショブン</t>
    </rPh>
    <rPh sb="113" eb="115">
      <t>カントウ</t>
    </rPh>
    <rPh sb="115" eb="117">
      <t>シンエツ</t>
    </rPh>
    <rPh sb="117" eb="119">
      <t>コウセイ</t>
    </rPh>
    <rPh sb="119" eb="120">
      <t>キョク</t>
    </rPh>
    <phoneticPr fontId="2"/>
  </si>
  <si>
    <t>メーカー</t>
    <phoneticPr fontId="2"/>
  </si>
  <si>
    <r>
      <t>申請者の関係会社</t>
    </r>
    <r>
      <rPr>
        <sz val="9"/>
        <color theme="1"/>
        <rFont val="BIZ UDPゴシック"/>
        <family val="3"/>
        <charset val="128"/>
      </rPr>
      <t>（財務諸表等の用語、様式及び作成方法に関する規則第８条に定める関係会社）</t>
    </r>
    <rPh sb="0" eb="3">
      <t>シンセイシャ</t>
    </rPh>
    <rPh sb="4" eb="6">
      <t>カンケイ</t>
    </rPh>
    <rPh sb="6" eb="8">
      <t>カイシャ</t>
    </rPh>
    <phoneticPr fontId="2"/>
  </si>
  <si>
    <r>
      <t>申請機器の調達先について以下より選択してください</t>
    </r>
    <r>
      <rPr>
        <b/>
        <sz val="10"/>
        <color theme="1"/>
        <rFont val="BIZ UDPゴシック"/>
        <family val="3"/>
        <charset val="128"/>
      </rPr>
      <t>（複数選択可）</t>
    </r>
    <r>
      <rPr>
        <b/>
        <sz val="12"/>
        <color theme="1"/>
        <rFont val="BIZ UDPゴシック"/>
        <family val="3"/>
        <charset val="128"/>
      </rPr>
      <t>。</t>
    </r>
    <rPh sb="0" eb="2">
      <t>シンセイ</t>
    </rPh>
    <rPh sb="2" eb="4">
      <t>キキ</t>
    </rPh>
    <rPh sb="5" eb="7">
      <t>チョウタツ</t>
    </rPh>
    <rPh sb="7" eb="8">
      <t>サキ</t>
    </rPh>
    <rPh sb="12" eb="14">
      <t>イカ</t>
    </rPh>
    <rPh sb="16" eb="18">
      <t>センタク</t>
    </rPh>
    <rPh sb="25" eb="30">
      <t>フクスウセンタクカ</t>
    </rPh>
    <phoneticPr fontId="2"/>
  </si>
  <si>
    <r>
      <t xml:space="preserve">※財産処分制限期間は「厚生労働省所管一般会計補助金等に係る財産処分承認基準」により申請機器の態様により変動しますが、通常複数年に及ぶため、医療措置協定制度が終了するまでの協定締結の継続を推奨します。
</t>
    </r>
    <r>
      <rPr>
        <sz val="10"/>
        <color theme="1"/>
        <rFont val="BIZ UDPゴシック"/>
        <family val="3"/>
        <charset val="128"/>
      </rPr>
      <t>【参考】財産処分について（関東信越厚生局のWebページ）　</t>
    </r>
    <r>
      <rPr>
        <sz val="10"/>
        <color theme="1"/>
        <rFont val="メイリオ"/>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キキ</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7">
      <t>キョウテイ</t>
    </rPh>
    <rPh sb="87" eb="89">
      <t>テイケツ</t>
    </rPh>
    <rPh sb="90" eb="92">
      <t>ケイゾク</t>
    </rPh>
    <rPh sb="93" eb="95">
      <t>スイショウ</t>
    </rPh>
    <phoneticPr fontId="2"/>
  </si>
  <si>
    <r>
      <t xml:space="preserve">申請者の関係会社
</t>
    </r>
    <r>
      <rPr>
        <sz val="9"/>
        <color theme="1"/>
        <rFont val="BIZ UDPゴシック"/>
        <family val="3"/>
        <charset val="128"/>
      </rPr>
      <t>（財務諸表等の用語、様式及び作成方法に関する規則第８条に定める関係会社）</t>
    </r>
    <rPh sb="0" eb="3">
      <t>シンセイシャ</t>
    </rPh>
    <rPh sb="4" eb="6">
      <t>カンケイ</t>
    </rPh>
    <rPh sb="6" eb="8">
      <t>カイシャ</t>
    </rPh>
    <phoneticPr fontId="2"/>
  </si>
  <si>
    <r>
      <t xml:space="preserve">※財産処分制限期間は「厚生労働省所管一般会計補助金等に係る財産処分承認基準」により申請機器の態様により変動しますが、通常複数年に及ぶため、医療措置協定制度が終了するまでの協定締結の継続を推奨します。
</t>
    </r>
    <r>
      <rPr>
        <sz val="9"/>
        <color theme="1"/>
        <rFont val="BIZ UDPゴシック"/>
        <family val="3"/>
        <charset val="128"/>
      </rPr>
      <t xml:space="preserve">【参考】財産処分について（関東信越厚生局のWebページ）
</t>
    </r>
    <r>
      <rPr>
        <sz val="9"/>
        <color theme="1"/>
        <rFont val="メイリオ"/>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キキ</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7">
      <t>キョウテイ</t>
    </rPh>
    <rPh sb="87" eb="89">
      <t>テイケツ</t>
    </rPh>
    <rPh sb="90" eb="92">
      <t>ケイゾク</t>
    </rPh>
    <rPh sb="93" eb="95">
      <t>スイショウ</t>
    </rPh>
    <phoneticPr fontId="2"/>
  </si>
  <si>
    <r>
      <t xml:space="preserve">※財産処分制限期間は「厚生労働省所管一般会計補助金等に係る財産処分承認基準」により申請機器の態様により変動しますが、通常複数年に及ぶため、医療措置協定制度が終了するまでの協定締結の継続を推奨します。
</t>
    </r>
    <r>
      <rPr>
        <sz val="10"/>
        <color theme="1"/>
        <rFont val="BIZ UDPゴシック"/>
        <family val="3"/>
        <charset val="128"/>
      </rPr>
      <t>【参考】財産処分について（関東信越厚生局のWebページ）　</t>
    </r>
    <r>
      <rPr>
        <sz val="9"/>
        <color theme="1"/>
        <rFont val="メイリオ"/>
        <family val="3"/>
        <charset val="128"/>
      </rPr>
      <t>https://kouseikyoku.mhlw.go.jp/kantoshinetsu/gyomu/bu_ka/kenko_fukushi/tetsuzuki.html</t>
    </r>
    <rPh sb="1" eb="3">
      <t>ザイサン</t>
    </rPh>
    <rPh sb="3" eb="5">
      <t>ショブン</t>
    </rPh>
    <rPh sb="5" eb="7">
      <t>セイゲン</t>
    </rPh>
    <rPh sb="7" eb="9">
      <t>キカン</t>
    </rPh>
    <rPh sb="41" eb="43">
      <t>シンセイ</t>
    </rPh>
    <rPh sb="43" eb="45">
      <t>キキ</t>
    </rPh>
    <rPh sb="46" eb="48">
      <t>タイヨウ</t>
    </rPh>
    <rPh sb="51" eb="53">
      <t>ヘンドウ</t>
    </rPh>
    <rPh sb="58" eb="60">
      <t>ツウジョウ</t>
    </rPh>
    <rPh sb="60" eb="62">
      <t>フクスウ</t>
    </rPh>
    <rPh sb="62" eb="63">
      <t>ネン</t>
    </rPh>
    <rPh sb="64" eb="65">
      <t>オヨ</t>
    </rPh>
    <rPh sb="69" eb="71">
      <t>イリョウ</t>
    </rPh>
    <rPh sb="71" eb="73">
      <t>ソチ</t>
    </rPh>
    <rPh sb="73" eb="75">
      <t>キョウテイ</t>
    </rPh>
    <rPh sb="75" eb="77">
      <t>セイド</t>
    </rPh>
    <rPh sb="78" eb="80">
      <t>シュウリョウ</t>
    </rPh>
    <rPh sb="85" eb="89">
      <t>キョウテイテイケツ</t>
    </rPh>
    <rPh sb="90" eb="92">
      <t>ケイゾク</t>
    </rPh>
    <rPh sb="93" eb="95">
      <t>スイショウ</t>
    </rPh>
    <phoneticPr fontId="2"/>
  </si>
  <si>
    <r>
      <t>※１の場合は、資料として、</t>
    </r>
    <r>
      <rPr>
        <b/>
        <u/>
        <sz val="12"/>
        <color rgb="FFFF0000"/>
        <rFont val="BIZ UDPゴシック"/>
        <family val="3"/>
        <charset val="128"/>
      </rPr>
      <t>判定可能な感染症がわかるカタログ等の資料</t>
    </r>
    <r>
      <rPr>
        <sz val="12"/>
        <color theme="1"/>
        <rFont val="BIZ UDPゴシック"/>
        <family val="3"/>
        <charset val="128"/>
      </rPr>
      <t>を提出してください。</t>
    </r>
    <rPh sb="7" eb="9">
      <t>シリョウ</t>
    </rPh>
    <rPh sb="34" eb="36">
      <t>テイシュツ</t>
    </rPh>
    <phoneticPr fontId="2"/>
  </si>
  <si>
    <r>
      <t>※資料として、</t>
    </r>
    <r>
      <rPr>
        <b/>
        <u/>
        <sz val="12"/>
        <color rgb="FFFF0000"/>
        <rFont val="BIZ UDPゴシック"/>
        <family val="3"/>
        <charset val="128"/>
      </rPr>
      <t>申請機器のカタログ等を提出</t>
    </r>
    <r>
      <rPr>
        <sz val="12"/>
        <color rgb="FF000000"/>
        <rFont val="BIZ UDPゴシック"/>
        <family val="3"/>
        <charset val="128"/>
      </rPr>
      <t>してください。</t>
    </r>
    <rPh sb="7" eb="9">
      <t>シンセイ</t>
    </rPh>
    <rPh sb="9" eb="11">
      <t>キキ</t>
    </rPh>
    <phoneticPr fontId="2"/>
  </si>
  <si>
    <r>
      <t>※資料として、</t>
    </r>
    <r>
      <rPr>
        <b/>
        <u/>
        <sz val="12"/>
        <color rgb="FFFF0000"/>
        <rFont val="BIZ UDPゴシック"/>
        <family val="3"/>
        <charset val="128"/>
      </rPr>
      <t>申請機器のカタログ等を提出</t>
    </r>
    <r>
      <rPr>
        <sz val="12"/>
        <color rgb="FF000000"/>
        <rFont val="BIZ UDPゴシック"/>
        <family val="3"/>
        <charset val="128"/>
      </rPr>
      <t>してください。</t>
    </r>
    <phoneticPr fontId="2"/>
  </si>
  <si>
    <r>
      <t>競争的手続きを行い、機器を選定</t>
    </r>
    <r>
      <rPr>
        <sz val="10"/>
        <color theme="1"/>
        <rFont val="BIZ UDPゴシック"/>
        <family val="3"/>
        <charset val="128"/>
      </rPr>
      <t>（例：相見積り、入札等）</t>
    </r>
    <rPh sb="0" eb="3">
      <t>キョウソウテキ</t>
    </rPh>
    <rPh sb="3" eb="5">
      <t>テツヅ</t>
    </rPh>
    <rPh sb="7" eb="8">
      <t>オコナ</t>
    </rPh>
    <rPh sb="10" eb="12">
      <t>キキ</t>
    </rPh>
    <rPh sb="13" eb="15">
      <t>センテイ</t>
    </rPh>
    <rPh sb="18" eb="21">
      <t>アイミツ</t>
    </rPh>
    <rPh sb="25" eb="26">
      <t>トウ</t>
    </rPh>
    <phoneticPr fontId="2"/>
  </si>
  <si>
    <t>競争的手続きを行わず、機器を選定</t>
    <rPh sb="0" eb="3">
      <t>キョウソウテキ</t>
    </rPh>
    <rPh sb="3" eb="5">
      <t>テツヅ</t>
    </rPh>
    <rPh sb="7" eb="8">
      <t>オコナ</t>
    </rPh>
    <rPh sb="11" eb="13">
      <t>キキ</t>
    </rPh>
    <rPh sb="14" eb="16">
      <t>センテイ</t>
    </rPh>
    <phoneticPr fontId="2"/>
  </si>
  <si>
    <r>
      <t>競争的手続きを行い、機器を選定</t>
    </r>
    <r>
      <rPr>
        <sz val="11"/>
        <color theme="1"/>
        <rFont val="BIZ UDPゴシック"/>
        <family val="3"/>
        <charset val="128"/>
      </rPr>
      <t>（例：相見積り、入札等）</t>
    </r>
    <rPh sb="0" eb="3">
      <t>キョウソウテキ</t>
    </rPh>
    <rPh sb="3" eb="5">
      <t>テツヅ</t>
    </rPh>
    <rPh sb="7" eb="8">
      <t>オコナ</t>
    </rPh>
    <rPh sb="10" eb="12">
      <t>キキ</t>
    </rPh>
    <rPh sb="13" eb="15">
      <t>センテイ</t>
    </rPh>
    <rPh sb="16" eb="17">
      <t>レイ</t>
    </rPh>
    <rPh sb="18" eb="21">
      <t>アイミツ</t>
    </rPh>
    <rPh sb="23" eb="25">
      <t>ニュウサツ</t>
    </rPh>
    <rPh sb="25" eb="26">
      <t>トウ</t>
    </rPh>
    <phoneticPr fontId="2"/>
  </si>
  <si>
    <t>競争的手続きを行い、機器を選定（例：相見積り、入札等）</t>
    <rPh sb="0" eb="3">
      <t>キョウソウテキ</t>
    </rPh>
    <rPh sb="3" eb="5">
      <t>テツヅ</t>
    </rPh>
    <rPh sb="7" eb="8">
      <t>オコナ</t>
    </rPh>
    <rPh sb="10" eb="12">
      <t>キキ</t>
    </rPh>
    <rPh sb="13" eb="15">
      <t>センテイ</t>
    </rPh>
    <rPh sb="16" eb="17">
      <t>レイ</t>
    </rPh>
    <rPh sb="18" eb="21">
      <t>アイミツ</t>
    </rPh>
    <rPh sb="23" eb="25">
      <t>ニュウサツ</t>
    </rPh>
    <rPh sb="25" eb="26">
      <t>トウ</t>
    </rPh>
    <phoneticPr fontId="2"/>
  </si>
  <si>
    <t>競争的手続きを行わず、機器を選定</t>
    <phoneticPr fontId="2"/>
  </si>
  <si>
    <t>６　歳入歳出予算書抄本</t>
    <phoneticPr fontId="2"/>
  </si>
  <si>
    <t>別紙１のとおり</t>
    <phoneticPr fontId="2"/>
  </si>
  <si>
    <t>別紙２のとおり</t>
    <phoneticPr fontId="2"/>
  </si>
  <si>
    <t>別紙１</t>
    <rPh sb="0" eb="2">
      <t>ベッシ</t>
    </rPh>
    <phoneticPr fontId="27"/>
  </si>
  <si>
    <t>別紙２</t>
    <rPh sb="0" eb="2">
      <t>ベッシ</t>
    </rPh>
    <phoneticPr fontId="3"/>
  </si>
  <si>
    <t>《記載内容》</t>
    <rPh sb="1" eb="3">
      <t>キサイ</t>
    </rPh>
    <rPh sb="3" eb="5">
      <t>ナイヨウ</t>
    </rPh>
    <phoneticPr fontId="2"/>
  </si>
  <si>
    <t>○　補助対象外事業分</t>
    <rPh sb="2" eb="4">
      <t>ホジョ</t>
    </rPh>
    <rPh sb="4" eb="6">
      <t>タイショウ</t>
    </rPh>
    <rPh sb="6" eb="7">
      <t>ガイ</t>
    </rPh>
    <rPh sb="7" eb="9">
      <t>ジギョウ</t>
    </rPh>
    <rPh sb="9" eb="10">
      <t>ブン</t>
    </rPh>
    <phoneticPr fontId="2"/>
  </si>
  <si>
    <t>（１）見積書の写し</t>
    <phoneticPr fontId="2"/>
  </si>
  <si>
    <t>（２）役員等氏名一覧表（第１号様式付表）</t>
    <phoneticPr fontId="2"/>
  </si>
  <si>
    <t>（３）その他参考となる資料</t>
    <phoneticPr fontId="2"/>
  </si>
  <si>
    <t>（K）</t>
    <phoneticPr fontId="3"/>
  </si>
  <si>
    <t>２．補助基礎額（Ｇ）は、（Ｃ）欄と（Ｆ）欄を比較して少ない方の額。</t>
    <rPh sb="2" eb="4">
      <t>ホジョ</t>
    </rPh>
    <rPh sb="4" eb="6">
      <t>キソ</t>
    </rPh>
    <rPh sb="6" eb="7">
      <t>ガク</t>
    </rPh>
    <rPh sb="7" eb="8">
      <t>テイガク</t>
    </rPh>
    <rPh sb="15" eb="16">
      <t>ラン</t>
    </rPh>
    <rPh sb="20" eb="21">
      <t>ラン</t>
    </rPh>
    <rPh sb="22" eb="24">
      <t>ヒカク</t>
    </rPh>
    <rPh sb="26" eb="27">
      <t>スク</t>
    </rPh>
    <rPh sb="29" eb="30">
      <t>ホウ</t>
    </rPh>
    <rPh sb="31" eb="32">
      <t>ガク</t>
    </rPh>
    <phoneticPr fontId="3"/>
  </si>
  <si>
    <t>３．補助基本額（Ｉ）は、（Ｇ）欄に補助率10／10を乗じた額。ただし、千円未満の端数は切り捨てる。</t>
    <rPh sb="2" eb="4">
      <t>ホジョ</t>
    </rPh>
    <rPh sb="4" eb="6">
      <t>キホン</t>
    </rPh>
    <rPh sb="6" eb="7">
      <t>ガク</t>
    </rPh>
    <rPh sb="15" eb="16">
      <t>ラン</t>
    </rPh>
    <rPh sb="17" eb="19">
      <t>ホジョ</t>
    </rPh>
    <rPh sb="19" eb="20">
      <t>リツ</t>
    </rPh>
    <rPh sb="26" eb="27">
      <t>ジョウ</t>
    </rPh>
    <rPh sb="29" eb="30">
      <t>ガク</t>
    </rPh>
    <rPh sb="35" eb="37">
      <t>センエン</t>
    </rPh>
    <rPh sb="37" eb="39">
      <t>ミマン</t>
    </rPh>
    <rPh sb="40" eb="42">
      <t>ハスウ</t>
    </rPh>
    <rPh sb="43" eb="44">
      <t>キ</t>
    </rPh>
    <rPh sb="45" eb="46">
      <t>ス</t>
    </rPh>
    <phoneticPr fontId="3"/>
  </si>
  <si>
    <t>４．補助額（K）は、（I）欄と（J）欄を比較して少ない方の額。</t>
    <rPh sb="2" eb="4">
      <t>ホジョ</t>
    </rPh>
    <rPh sb="4" eb="5">
      <t>ガク</t>
    </rPh>
    <phoneticPr fontId="3"/>
  </si>
  <si>
    <t>　（１）寄付金その他の収入が発生する（した）場合は、金額の根拠となる資料を添付すること。</t>
    <rPh sb="4" eb="7">
      <t>キフキン</t>
    </rPh>
    <rPh sb="9" eb="10">
      <t>タ</t>
    </rPh>
    <rPh sb="11" eb="13">
      <t>シュウニュウ</t>
    </rPh>
    <rPh sb="14" eb="16">
      <t>ハッセイ</t>
    </rPh>
    <rPh sb="22" eb="24">
      <t>バアイ</t>
    </rPh>
    <rPh sb="26" eb="28">
      <t>キンガク</t>
    </rPh>
    <phoneticPr fontId="27"/>
  </si>
  <si>
    <t>２．その他</t>
    <phoneticPr fontId="27"/>
  </si>
  <si>
    <t>　　　すること。</t>
    <phoneticPr fontId="27"/>
  </si>
  <si>
    <t>　（１）「単価」欄は、事業計画時には見積書等の対象経費の実支出額を記入し、実績報告時には対象経費の実支出額を記入</t>
    <rPh sb="11" eb="13">
      <t>ジギョウ</t>
    </rPh>
    <rPh sb="13" eb="15">
      <t>ケイカク</t>
    </rPh>
    <rPh sb="15" eb="16">
      <t>ジ</t>
    </rPh>
    <rPh sb="18" eb="21">
      <t>ミツモリショ</t>
    </rPh>
    <rPh sb="21" eb="22">
      <t>トウ</t>
    </rPh>
    <rPh sb="23" eb="25">
      <t>タイショウ</t>
    </rPh>
    <rPh sb="25" eb="27">
      <t>ケイヒ</t>
    </rPh>
    <rPh sb="28" eb="29">
      <t>ジツ</t>
    </rPh>
    <rPh sb="29" eb="31">
      <t>シシュツ</t>
    </rPh>
    <rPh sb="31" eb="32">
      <t>ガク</t>
    </rPh>
    <rPh sb="33" eb="35">
      <t>キニュウ</t>
    </rPh>
    <rPh sb="37" eb="39">
      <t>ジッセキ</t>
    </rPh>
    <rPh sb="39" eb="41">
      <t>ホウコク</t>
    </rPh>
    <rPh sb="41" eb="42">
      <t>ジ</t>
    </rPh>
    <rPh sb="44" eb="46">
      <t>タイショウ</t>
    </rPh>
    <rPh sb="46" eb="48">
      <t>ケイヒ</t>
    </rPh>
    <rPh sb="49" eb="50">
      <t>ジツ</t>
    </rPh>
    <rPh sb="50" eb="52">
      <t>シシュツ</t>
    </rPh>
    <rPh sb="52" eb="53">
      <t>ガク</t>
    </rPh>
    <rPh sb="54" eb="56">
      <t>キニュウ</t>
    </rPh>
    <phoneticPr fontId="27"/>
  </si>
  <si>
    <t>１．設備整備内訳</t>
    <phoneticPr fontId="27"/>
  </si>
  <si>
    <t>（記入上の注意）</t>
    <rPh sb="1" eb="3">
      <t>キニュウ</t>
    </rPh>
    <rPh sb="3" eb="4">
      <t>ジョウ</t>
    </rPh>
    <rPh sb="5" eb="7">
      <t>チュウイ</t>
    </rPh>
    <phoneticPr fontId="27"/>
  </si>
  <si>
    <t>設備整備を必要とする理由</t>
    <phoneticPr fontId="27"/>
  </si>
  <si>
    <t>３. 整備事業の必要性（具体的に記入すること）</t>
    <rPh sb="3" eb="5">
      <t>セイビ</t>
    </rPh>
    <rPh sb="5" eb="7">
      <t>ジギョウ</t>
    </rPh>
    <rPh sb="8" eb="11">
      <t>ヒツヨウセイ</t>
    </rPh>
    <rPh sb="12" eb="15">
      <t>グタイテキ</t>
    </rPh>
    <rPh sb="16" eb="18">
      <t>キニュウ</t>
    </rPh>
    <phoneticPr fontId="27"/>
  </si>
  <si>
    <t>合計</t>
    <rPh sb="0" eb="2">
      <t>ゴウケイ</t>
    </rPh>
    <phoneticPr fontId="27"/>
  </si>
  <si>
    <t>円</t>
    <rPh sb="0" eb="1">
      <t>エン</t>
    </rPh>
    <phoneticPr fontId="27"/>
  </si>
  <si>
    <t>整備の様態</t>
    <rPh sb="0" eb="2">
      <t>セイビ</t>
    </rPh>
    <rPh sb="3" eb="5">
      <t>ヨウタイ</t>
    </rPh>
    <phoneticPr fontId="27"/>
  </si>
  <si>
    <t>設置場所</t>
    <rPh sb="0" eb="2">
      <t>セッチ</t>
    </rPh>
    <rPh sb="2" eb="4">
      <t>バショ</t>
    </rPh>
    <phoneticPr fontId="27"/>
  </si>
  <si>
    <t>金額
（税込）</t>
    <rPh sb="0" eb="2">
      <t>キンガク</t>
    </rPh>
    <rPh sb="4" eb="6">
      <t>ゼイコミ</t>
    </rPh>
    <phoneticPr fontId="27"/>
  </si>
  <si>
    <t>単価
（税込）</t>
    <rPh sb="0" eb="2">
      <t>タンカ</t>
    </rPh>
    <rPh sb="4" eb="6">
      <t>ゼイコミ</t>
    </rPh>
    <phoneticPr fontId="27"/>
  </si>
  <si>
    <t>数量</t>
    <rPh sb="0" eb="2">
      <t>スウリョウ</t>
    </rPh>
    <phoneticPr fontId="27"/>
  </si>
  <si>
    <t>規格</t>
    <rPh sb="0" eb="2">
      <t>キカク</t>
    </rPh>
    <phoneticPr fontId="27"/>
  </si>
  <si>
    <t>メーカー</t>
    <phoneticPr fontId="27"/>
  </si>
  <si>
    <t>品目</t>
    <rPh sb="0" eb="2">
      <t>ヒンモク</t>
    </rPh>
    <phoneticPr fontId="27"/>
  </si>
  <si>
    <t>２．設備整備内訳</t>
    <rPh sb="2" eb="4">
      <t>セツビ</t>
    </rPh>
    <rPh sb="4" eb="6">
      <t>セイビ</t>
    </rPh>
    <rPh sb="6" eb="8">
      <t>ウチワケ</t>
    </rPh>
    <phoneticPr fontId="27"/>
  </si>
  <si>
    <t>発熱外来（法第36条の２第１項第２号）</t>
    <rPh sb="0" eb="2">
      <t>ハツネツ</t>
    </rPh>
    <rPh sb="2" eb="4">
      <t>ガイライ</t>
    </rPh>
    <phoneticPr fontId="27"/>
  </si>
  <si>
    <t>病床確保（法第36条の２第１項第１号）</t>
    <rPh sb="0" eb="2">
      <t>ビョウショウ</t>
    </rPh>
    <rPh sb="2" eb="4">
      <t>カクホ</t>
    </rPh>
    <rPh sb="5" eb="6">
      <t>ホウ</t>
    </rPh>
    <rPh sb="6" eb="7">
      <t>ダイ</t>
    </rPh>
    <rPh sb="9" eb="10">
      <t>ジョウ</t>
    </rPh>
    <rPh sb="12" eb="13">
      <t>ダイ</t>
    </rPh>
    <rPh sb="14" eb="15">
      <t>コウ</t>
    </rPh>
    <rPh sb="15" eb="16">
      <t>ダイ</t>
    </rPh>
    <rPh sb="17" eb="18">
      <t>ゴウ</t>
    </rPh>
    <phoneticPr fontId="27"/>
  </si>
  <si>
    <t>１．感染症法に基づく医療措置協定の締結状況（該当する項目に○を選択）</t>
    <rPh sb="2" eb="6">
      <t>カンセンショウホウ</t>
    </rPh>
    <rPh sb="7" eb="8">
      <t>モト</t>
    </rPh>
    <rPh sb="10" eb="12">
      <t>イリョウ</t>
    </rPh>
    <rPh sb="12" eb="14">
      <t>ソチ</t>
    </rPh>
    <rPh sb="14" eb="16">
      <t>キョウテイ</t>
    </rPh>
    <rPh sb="17" eb="19">
      <t>テイケツ</t>
    </rPh>
    <rPh sb="19" eb="21">
      <t>ジョウキョウ</t>
    </rPh>
    <rPh sb="22" eb="24">
      <t>ガイトウ</t>
    </rPh>
    <rPh sb="26" eb="28">
      <t>コウモク</t>
    </rPh>
    <rPh sb="31" eb="33">
      <t>センタク</t>
    </rPh>
    <phoneticPr fontId="27"/>
  </si>
  <si>
    <t>所在地</t>
    <phoneticPr fontId="27"/>
  </si>
  <si>
    <t>施設名</t>
    <rPh sb="0" eb="2">
      <t>シセツ</t>
    </rPh>
    <rPh sb="2" eb="3">
      <t>メイ</t>
    </rPh>
    <phoneticPr fontId="27"/>
  </si>
  <si>
    <t>団体名（開設者）</t>
    <rPh sb="0" eb="2">
      <t>ダンタイ</t>
    </rPh>
    <rPh sb="2" eb="3">
      <t>メイ</t>
    </rPh>
    <rPh sb="4" eb="7">
      <t>カイセツシャ</t>
    </rPh>
    <phoneticPr fontId="27"/>
  </si>
  <si>
    <t>HEPAフィルター付き空気清浄機</t>
    <phoneticPr fontId="27"/>
  </si>
  <si>
    <t>簡易ベッド</t>
  </si>
  <si>
    <t>計画・実績</t>
    <rPh sb="0" eb="2">
      <t>ケイカク</t>
    </rPh>
    <rPh sb="3" eb="5">
      <t>ジッセキ</t>
    </rPh>
    <phoneticPr fontId="27"/>
  </si>
  <si>
    <t>簡易陰圧装置</t>
  </si>
  <si>
    <t>種目</t>
    <rPh sb="0" eb="2">
      <t>シュモク</t>
    </rPh>
    <phoneticPr fontId="27"/>
  </si>
  <si>
    <t>年度</t>
    <rPh sb="0" eb="2">
      <t>ネンド</t>
    </rPh>
    <phoneticPr fontId="27"/>
  </si>
  <si>
    <t>新興感染症対応力強化事業（協定締結医療機関設備整備事業）</t>
    <rPh sb="0" eb="2">
      <t>シンコウ</t>
    </rPh>
    <rPh sb="2" eb="5">
      <t>カンセンショウ</t>
    </rPh>
    <rPh sb="5" eb="8">
      <t>タイオウリョク</t>
    </rPh>
    <rPh sb="8" eb="10">
      <t>キョウカ</t>
    </rPh>
    <rPh sb="10" eb="12">
      <t>ジギョウ</t>
    </rPh>
    <rPh sb="13" eb="15">
      <t>キョウテイ</t>
    </rPh>
    <rPh sb="15" eb="17">
      <t>テイケツ</t>
    </rPh>
    <rPh sb="17" eb="19">
      <t>イリョウ</t>
    </rPh>
    <rPh sb="19" eb="21">
      <t>キカン</t>
    </rPh>
    <rPh sb="21" eb="23">
      <t>セツビ</t>
    </rPh>
    <rPh sb="23" eb="25">
      <t>セイビ</t>
    </rPh>
    <rPh sb="25" eb="27">
      <t>ジギョウ</t>
    </rPh>
    <phoneticPr fontId="27"/>
  </si>
  <si>
    <t>事業区分</t>
    <rPh sb="0" eb="2">
      <t>ジギョウ</t>
    </rPh>
    <rPh sb="2" eb="4">
      <t>クブン</t>
    </rPh>
    <phoneticPr fontId="27"/>
  </si>
  <si>
    <t>設備整備事業概要</t>
    <rPh sb="0" eb="2">
      <t>セツビ</t>
    </rPh>
    <rPh sb="2" eb="4">
      <t>セイビ</t>
    </rPh>
    <rPh sb="4" eb="6">
      <t>ジギョウ</t>
    </rPh>
    <rPh sb="6" eb="8">
      <t>ガイヨウ</t>
    </rPh>
    <phoneticPr fontId="27"/>
  </si>
  <si>
    <t>都道府県：</t>
    <rPh sb="0" eb="4">
      <t>トドウフケン</t>
    </rPh>
    <phoneticPr fontId="27"/>
  </si>
  <si>
    <t xml:space="preserve">様式１-21 </t>
    <phoneticPr fontId="27"/>
  </si>
  <si>
    <t>神奈川県</t>
    <rPh sb="0" eb="4">
      <t>カナガワケン</t>
    </rPh>
    <phoneticPr fontId="2"/>
  </si>
  <si>
    <t>〇</t>
  </si>
  <si>
    <t>1.事業計画書</t>
  </si>
  <si>
    <t>7年度</t>
    <rPh sb="1" eb="3">
      <t>ネンド</t>
    </rPh>
    <phoneticPr fontId="27"/>
  </si>
  <si>
    <t>法人の場合</t>
    <rPh sb="0" eb="2">
      <t>ホウジン</t>
    </rPh>
    <rPh sb="3" eb="5">
      <t>バアイ</t>
    </rPh>
    <phoneticPr fontId="2"/>
  </si>
  <si>
    <t>医療機関の郵便番号</t>
    <rPh sb="0" eb="2">
      <t>イリョウ</t>
    </rPh>
    <rPh sb="2" eb="4">
      <t>キカン</t>
    </rPh>
    <rPh sb="5" eb="7">
      <t>ユウビン</t>
    </rPh>
    <rPh sb="7" eb="9">
      <t>バンゴウ</t>
    </rPh>
    <phoneticPr fontId="2"/>
  </si>
  <si>
    <t>医療機関の所在地</t>
    <rPh sb="0" eb="2">
      <t>イリョウ</t>
    </rPh>
    <rPh sb="2" eb="4">
      <t>キカン</t>
    </rPh>
    <rPh sb="5" eb="8">
      <t>ショザイチ</t>
    </rPh>
    <phoneticPr fontId="2"/>
  </si>
  <si>
    <t>3.更新</t>
    <rPh sb="2" eb="4">
      <t>コウシン</t>
    </rPh>
    <phoneticPr fontId="2"/>
  </si>
  <si>
    <t>４　付属機器の申請理由</t>
    <phoneticPr fontId="2"/>
  </si>
  <si>
    <t>設置場所</t>
    <rPh sb="0" eb="2">
      <t>セッチ</t>
    </rPh>
    <rPh sb="2" eb="4">
      <t>バショ</t>
    </rPh>
    <phoneticPr fontId="2"/>
  </si>
  <si>
    <t>１.新規</t>
    <phoneticPr fontId="2"/>
  </si>
  <si>
    <t>３.更新</t>
    <phoneticPr fontId="2"/>
  </si>
  <si>
    <t>２.増設</t>
    <rPh sb="2" eb="4">
      <t>ゾウセツ</t>
    </rPh>
    <phoneticPr fontId="2"/>
  </si>
  <si>
    <t>品目</t>
    <rPh sb="0" eb="2">
      <t>ヒンモク</t>
    </rPh>
    <phoneticPr fontId="2"/>
  </si>
  <si>
    <t>メーカー</t>
    <phoneticPr fontId="2"/>
  </si>
  <si>
    <t>メーカー</t>
    <phoneticPr fontId="2"/>
  </si>
  <si>
    <t>（９）新興感染症発生・まん延時に、どのようにして陰圧対応を行うかを具体的に記載してください。</t>
    <rPh sb="3" eb="5">
      <t>シンコウ</t>
    </rPh>
    <rPh sb="5" eb="8">
      <t>カンセンショウ</t>
    </rPh>
    <rPh sb="8" eb="10">
      <t>ハッセイ</t>
    </rPh>
    <rPh sb="13" eb="14">
      <t>エン</t>
    </rPh>
    <rPh sb="14" eb="15">
      <t>ジ</t>
    </rPh>
    <rPh sb="24" eb="26">
      <t>インアツ</t>
    </rPh>
    <rPh sb="26" eb="28">
      <t>タイオウ</t>
    </rPh>
    <rPh sb="29" eb="30">
      <t>オコナ</t>
    </rPh>
    <rPh sb="33" eb="36">
      <t>グタイテキ</t>
    </rPh>
    <rPh sb="37" eb="39">
      <t>キサイ</t>
    </rPh>
    <phoneticPr fontId="2"/>
  </si>
  <si>
    <r>
      <t>※資料として、</t>
    </r>
    <r>
      <rPr>
        <b/>
        <u/>
        <sz val="12"/>
        <color rgb="FFFF0000"/>
        <rFont val="BIZ UDPゴシック"/>
        <family val="3"/>
        <charset val="128"/>
      </rPr>
      <t>設置予定場所の写真及び陰圧対応可能であることが記載されているカタログ等</t>
    </r>
    <r>
      <rPr>
        <sz val="12"/>
        <color theme="1"/>
        <rFont val="BIZ UDPゴシック"/>
        <family val="3"/>
        <charset val="128"/>
      </rPr>
      <t>を提出してください。</t>
    </r>
    <rPh sb="1" eb="3">
      <t>シリョウ</t>
    </rPh>
    <rPh sb="7" eb="9">
      <t>セッチ</t>
    </rPh>
    <rPh sb="9" eb="11">
      <t>ヨテイ</t>
    </rPh>
    <rPh sb="11" eb="13">
      <t>バショ</t>
    </rPh>
    <rPh sb="14" eb="16">
      <t>シャシン</t>
    </rPh>
    <rPh sb="16" eb="17">
      <t>オヨ</t>
    </rPh>
    <rPh sb="18" eb="20">
      <t>インアツ</t>
    </rPh>
    <rPh sb="20" eb="22">
      <t>タイオウ</t>
    </rPh>
    <rPh sb="22" eb="24">
      <t>カノウ</t>
    </rPh>
    <rPh sb="30" eb="32">
      <t>キサイ</t>
    </rPh>
    <rPh sb="43" eb="45">
      <t>テイシュツ</t>
    </rPh>
    <phoneticPr fontId="2"/>
  </si>
  <si>
    <r>
      <t>＊参考として、</t>
    </r>
    <r>
      <rPr>
        <b/>
        <u/>
        <sz val="11"/>
        <color rgb="FFFF0000"/>
        <rFont val="BIZ UDPゴシック"/>
        <family val="3"/>
        <charset val="128"/>
      </rPr>
      <t>新興感染症発生・まん延時の配置図等に申請設備をマーカーなどで明示し、添付資料として提出</t>
    </r>
    <r>
      <rPr>
        <sz val="11"/>
        <color theme="1"/>
        <rFont val="BIZ UDPゴシック"/>
        <family val="3"/>
        <charset val="128"/>
      </rPr>
      <t>してください。（現状の導入状況で回答した機器も今回申請品と色分け等で区別できるようにして明示してください。）</t>
    </r>
    <rPh sb="7" eb="9">
      <t>シンコウ</t>
    </rPh>
    <rPh sb="9" eb="12">
      <t>カンセンショウ</t>
    </rPh>
    <rPh sb="12" eb="15">
      <t>ハッセイテン</t>
    </rPh>
    <rPh sb="18" eb="19">
      <t>ジ</t>
    </rPh>
    <rPh sb="25" eb="27">
      <t>シンセイ</t>
    </rPh>
    <rPh sb="58" eb="60">
      <t>ゲンジョウ</t>
    </rPh>
    <rPh sb="61" eb="63">
      <t>ドウニュウ</t>
    </rPh>
    <rPh sb="63" eb="65">
      <t>ジョウキョウ</t>
    </rPh>
    <rPh sb="66" eb="68">
      <t>カイトウ</t>
    </rPh>
    <rPh sb="70" eb="72">
      <t>キキ</t>
    </rPh>
    <rPh sb="73" eb="75">
      <t>コンカイ</t>
    </rPh>
    <rPh sb="75" eb="77">
      <t>シンセイ</t>
    </rPh>
    <rPh sb="77" eb="78">
      <t>ヒン</t>
    </rPh>
    <rPh sb="79" eb="81">
      <t>イロワ</t>
    </rPh>
    <rPh sb="82" eb="83">
      <t>トウ</t>
    </rPh>
    <rPh sb="84" eb="86">
      <t>クベツ</t>
    </rPh>
    <rPh sb="94" eb="96">
      <t>メイジ</t>
    </rPh>
    <phoneticPr fontId="2"/>
  </si>
  <si>
    <t>（記載方法）
陰圧ブース・テント等を設置する場合は、ブース・テントの寸法及び設置場所、設置方法などを具体的に記載してください。
既存の部屋においてダクト接続等を行い陰圧化する場合は、設置する部屋がその空気清浄機の性能上陰圧可能な部屋であること、どこに・どのようにしてダクトを接続し排気するか等の詳細を記載してください。
その他の方法で陰圧する場合は、上記を踏まえ陰圧方法を具体的に記載してください。</t>
    <rPh sb="1" eb="3">
      <t>キサイ</t>
    </rPh>
    <rPh sb="3" eb="5">
      <t>ホウホウ</t>
    </rPh>
    <rPh sb="7" eb="9">
      <t>インアツ</t>
    </rPh>
    <rPh sb="16" eb="17">
      <t>トウ</t>
    </rPh>
    <rPh sb="18" eb="20">
      <t>セッチ</t>
    </rPh>
    <rPh sb="22" eb="24">
      <t>バアイ</t>
    </rPh>
    <rPh sb="34" eb="36">
      <t>スンポウ</t>
    </rPh>
    <rPh sb="36" eb="37">
      <t>オヨ</t>
    </rPh>
    <rPh sb="38" eb="40">
      <t>セッチ</t>
    </rPh>
    <rPh sb="40" eb="42">
      <t>バショ</t>
    </rPh>
    <rPh sb="43" eb="45">
      <t>セッチ</t>
    </rPh>
    <rPh sb="45" eb="47">
      <t>ホウホウ</t>
    </rPh>
    <rPh sb="50" eb="53">
      <t>グタイテキ</t>
    </rPh>
    <rPh sb="54" eb="56">
      <t>キサイ</t>
    </rPh>
    <rPh sb="64" eb="66">
      <t>キゾン</t>
    </rPh>
    <rPh sb="67" eb="69">
      <t>ヘヤ</t>
    </rPh>
    <rPh sb="76" eb="78">
      <t>セツゾク</t>
    </rPh>
    <rPh sb="78" eb="79">
      <t>トウ</t>
    </rPh>
    <rPh sb="80" eb="81">
      <t>オコナ</t>
    </rPh>
    <rPh sb="82" eb="84">
      <t>インアツ</t>
    </rPh>
    <rPh sb="84" eb="85">
      <t>カ</t>
    </rPh>
    <rPh sb="87" eb="89">
      <t>バアイ</t>
    </rPh>
    <rPh sb="91" eb="93">
      <t>セッチ</t>
    </rPh>
    <rPh sb="95" eb="97">
      <t>ヘヤ</t>
    </rPh>
    <rPh sb="100" eb="102">
      <t>クウキ</t>
    </rPh>
    <rPh sb="102" eb="105">
      <t>セイジョウキ</t>
    </rPh>
    <rPh sb="106" eb="108">
      <t>セイノウ</t>
    </rPh>
    <rPh sb="108" eb="109">
      <t>ジョウ</t>
    </rPh>
    <rPh sb="109" eb="111">
      <t>インアツ</t>
    </rPh>
    <rPh sb="111" eb="113">
      <t>カノウ</t>
    </rPh>
    <rPh sb="114" eb="116">
      <t>ヘヤ</t>
    </rPh>
    <rPh sb="137" eb="139">
      <t>セツゾク</t>
    </rPh>
    <rPh sb="140" eb="142">
      <t>ハイキ</t>
    </rPh>
    <rPh sb="145" eb="146">
      <t>トウ</t>
    </rPh>
    <rPh sb="147" eb="149">
      <t>ショウサイ</t>
    </rPh>
    <rPh sb="150" eb="152">
      <t>キサイ</t>
    </rPh>
    <rPh sb="162" eb="163">
      <t>タ</t>
    </rPh>
    <rPh sb="164" eb="166">
      <t>ホウホウ</t>
    </rPh>
    <rPh sb="167" eb="169">
      <t>インアツ</t>
    </rPh>
    <rPh sb="171" eb="173">
      <t>バアイ</t>
    </rPh>
    <rPh sb="175" eb="177">
      <t>ジョウキ</t>
    </rPh>
    <rPh sb="178" eb="179">
      <t>フ</t>
    </rPh>
    <rPh sb="181" eb="183">
      <t>インアツ</t>
    </rPh>
    <rPh sb="183" eb="185">
      <t>ホウホウ</t>
    </rPh>
    <rPh sb="186" eb="188">
      <t>グタイ</t>
    </rPh>
    <rPh sb="188" eb="189">
      <t>テキ</t>
    </rPh>
    <rPh sb="190" eb="192">
      <t>キサイ</t>
    </rPh>
    <phoneticPr fontId="2"/>
  </si>
  <si>
    <t>確　認　書（検査機器）</t>
    <rPh sb="6" eb="8">
      <t>ケンサ</t>
    </rPh>
    <rPh sb="8" eb="10">
      <t>キキ</t>
    </rPh>
    <phoneticPr fontId="2"/>
  </si>
  <si>
    <t>規格（商品名）</t>
    <rPh sb="0" eb="2">
      <t>キカク</t>
    </rPh>
    <rPh sb="3" eb="6">
      <t>ショウヒンメイ</t>
    </rPh>
    <phoneticPr fontId="2"/>
  </si>
  <si>
    <t>メーカー</t>
    <phoneticPr fontId="2"/>
  </si>
  <si>
    <t>規格（商品名）</t>
    <rPh sb="0" eb="2">
      <t>キカク</t>
    </rPh>
    <rPh sb="3" eb="6">
      <t>ショウヒンメイ</t>
    </rPh>
    <phoneticPr fontId="2"/>
  </si>
  <si>
    <t>その他の検査法</t>
    <rPh sb="2" eb="3">
      <t>タ</t>
    </rPh>
    <rPh sb="4" eb="6">
      <t>ケンサ</t>
    </rPh>
    <rPh sb="6" eb="7">
      <t>ホウ</t>
    </rPh>
    <phoneticPr fontId="2"/>
  </si>
  <si>
    <t>（７）申請機器は特定の検査キットのみに対応する機器ではなく、複数の検査キットに対応できる機器か。</t>
    <phoneticPr fontId="2"/>
  </si>
  <si>
    <t>品目</t>
    <rPh sb="0" eb="2">
      <t>ヒンモク</t>
    </rPh>
    <phoneticPr fontId="2"/>
  </si>
  <si>
    <t>導入年度</t>
    <rPh sb="0" eb="2">
      <t>ドウニュウ</t>
    </rPh>
    <rPh sb="2" eb="4">
      <t>ネンド</t>
    </rPh>
    <phoneticPr fontId="2"/>
  </si>
  <si>
    <t>台数</t>
    <rPh sb="0" eb="2">
      <t>ダイスウ</t>
    </rPh>
    <phoneticPr fontId="2"/>
  </si>
  <si>
    <t>HEPAフィルター付き空気清浄機</t>
    <rPh sb="9" eb="16">
      <t>ツキクウキセイジョウキ</t>
    </rPh>
    <phoneticPr fontId="2"/>
  </si>
  <si>
    <r>
      <t>○　「基礎情報入力シート」、「確認書」シートの</t>
    </r>
    <r>
      <rPr>
        <b/>
        <u/>
        <sz val="12"/>
        <color rgb="FFFF0000"/>
        <rFont val="BIZ UDPゴシック"/>
        <family val="3"/>
        <charset val="128"/>
      </rPr>
      <t>黄色セルに必要な情報を入力</t>
    </r>
    <r>
      <rPr>
        <sz val="12"/>
        <rFont val="BIZ UDPゴシック"/>
        <family val="3"/>
        <charset val="128"/>
      </rPr>
      <t>してください。</t>
    </r>
    <rPh sb="3" eb="5">
      <t>キソ</t>
    </rPh>
    <rPh sb="5" eb="7">
      <t>ジョウホウ</t>
    </rPh>
    <rPh sb="7" eb="9">
      <t>ニュウリョク</t>
    </rPh>
    <rPh sb="15" eb="18">
      <t>カクニンショ</t>
    </rPh>
    <rPh sb="23" eb="25">
      <t>キイロ</t>
    </rPh>
    <rPh sb="28" eb="30">
      <t>ヒツヨウ</t>
    </rPh>
    <rPh sb="31" eb="33">
      <t>ジョウホウ</t>
    </rPh>
    <rPh sb="34" eb="36">
      <t>ニュウリョク</t>
    </rPh>
    <phoneticPr fontId="2"/>
  </si>
  <si>
    <t>１　「基礎情報」の入力＜黄色のシート＞</t>
    <rPh sb="3" eb="5">
      <t>キソ</t>
    </rPh>
    <rPh sb="5" eb="7">
      <t>ジョウホウ</t>
    </rPh>
    <rPh sb="9" eb="11">
      <t>ニュウリョク</t>
    </rPh>
    <rPh sb="12" eb="14">
      <t>キイロ</t>
    </rPh>
    <phoneticPr fontId="2"/>
  </si>
  <si>
    <t>黄色セル内に、必要事項を入力してください。</t>
    <rPh sb="0" eb="2">
      <t>キイロ</t>
    </rPh>
    <rPh sb="4" eb="5">
      <t>ナイ</t>
    </rPh>
    <rPh sb="7" eb="9">
      <t>ヒツヨウ</t>
    </rPh>
    <rPh sb="9" eb="11">
      <t>ジコウ</t>
    </rPh>
    <rPh sb="12" eb="14">
      <t>ニュウリョク</t>
    </rPh>
    <phoneticPr fontId="2"/>
  </si>
  <si>
    <t>※法人の場合、医療機関の郵便番号を、半角数字７桁（ハイフン抜き）で入力してください。</t>
    <rPh sb="1" eb="3">
      <t>ホウジン</t>
    </rPh>
    <rPh sb="4" eb="6">
      <t>バアイ</t>
    </rPh>
    <rPh sb="7" eb="9">
      <t>イリョウ</t>
    </rPh>
    <rPh sb="9" eb="11">
      <t>キカン</t>
    </rPh>
    <rPh sb="12" eb="16">
      <t>ユウビンバンゴウ</t>
    </rPh>
    <rPh sb="18" eb="20">
      <t>ハンカク</t>
    </rPh>
    <rPh sb="20" eb="22">
      <t>スウジ</t>
    </rPh>
    <rPh sb="23" eb="24">
      <t>ケタ</t>
    </rPh>
    <rPh sb="29" eb="30">
      <t>ヌ</t>
    </rPh>
    <rPh sb="33" eb="35">
      <t>ニュウリョク</t>
    </rPh>
    <phoneticPr fontId="2"/>
  </si>
  <si>
    <r>
      <t>※半角数字７桁（</t>
    </r>
    <r>
      <rPr>
        <u/>
        <sz val="11"/>
        <color theme="1"/>
        <rFont val="BIZ UDPゴシック"/>
        <family val="3"/>
        <charset val="128"/>
      </rPr>
      <t>ハイフン抜き</t>
    </r>
    <r>
      <rPr>
        <sz val="11"/>
        <color theme="1"/>
        <rFont val="BIZ UDPゴシック"/>
        <family val="3"/>
        <charset val="128"/>
      </rPr>
      <t>）を入力してください。（法人の場合は「法人の郵便番号」）</t>
    </r>
    <rPh sb="1" eb="3">
      <t>ハンカク</t>
    </rPh>
    <rPh sb="3" eb="5">
      <t>スウジ</t>
    </rPh>
    <rPh sb="6" eb="7">
      <t>ケタ</t>
    </rPh>
    <rPh sb="16" eb="18">
      <t>ニュウリョク</t>
    </rPh>
    <rPh sb="26" eb="28">
      <t>ホウジン</t>
    </rPh>
    <rPh sb="29" eb="31">
      <t>バアイ</t>
    </rPh>
    <rPh sb="33" eb="35">
      <t>ホウジン</t>
    </rPh>
    <rPh sb="36" eb="40">
      <t>ユウビンバンゴウ</t>
    </rPh>
    <phoneticPr fontId="2"/>
  </si>
  <si>
    <t>２　「確認書」の入力＜オレンジ色のシート＞</t>
    <rPh sb="3" eb="5">
      <t>カクニン</t>
    </rPh>
    <rPh sb="5" eb="6">
      <t>ショ</t>
    </rPh>
    <rPh sb="8" eb="10">
      <t>ニュウリョク</t>
    </rPh>
    <rPh sb="15" eb="16">
      <t>イロ</t>
    </rPh>
    <phoneticPr fontId="2"/>
  </si>
  <si>
    <t>申請する設備ごとの確認書に、必要事項を入力してください。</t>
    <rPh sb="0" eb="2">
      <t>シンセイ</t>
    </rPh>
    <rPh sb="4" eb="6">
      <t>セツビ</t>
    </rPh>
    <rPh sb="9" eb="11">
      <t>カクニン</t>
    </rPh>
    <rPh sb="11" eb="12">
      <t>ショ</t>
    </rPh>
    <rPh sb="14" eb="16">
      <t>ヒツヨウ</t>
    </rPh>
    <rPh sb="16" eb="18">
      <t>ジコウ</t>
    </rPh>
    <rPh sb="19" eb="21">
      <t>ニュウリョク</t>
    </rPh>
    <phoneticPr fontId="2"/>
  </si>
  <si>
    <r>
      <t>＊</t>
    </r>
    <r>
      <rPr>
        <u/>
        <sz val="11"/>
        <color rgb="FFFF0000"/>
        <rFont val="BIZ UDPゴシック"/>
        <family val="3"/>
        <charset val="128"/>
      </rPr>
      <t>補助を希望する設備のみ</t>
    </r>
    <r>
      <rPr>
        <sz val="11"/>
        <color theme="1"/>
        <rFont val="BIZ UDPゴシック"/>
        <family val="3"/>
        <charset val="128"/>
      </rPr>
      <t>入力してください。</t>
    </r>
    <rPh sb="1" eb="3">
      <t>ホジョ</t>
    </rPh>
    <rPh sb="4" eb="6">
      <t>キボウ</t>
    </rPh>
    <rPh sb="8" eb="10">
      <t>セツビ</t>
    </rPh>
    <rPh sb="12" eb="14">
      <t>ニュウリョク</t>
    </rPh>
    <phoneticPr fontId="2"/>
  </si>
  <si>
    <t>３　「事業概要」の確認＜ピンク色のシート＞</t>
    <rPh sb="3" eb="5">
      <t>ジギョウ</t>
    </rPh>
    <rPh sb="5" eb="7">
      <t>ガイヨウ</t>
    </rPh>
    <rPh sb="9" eb="11">
      <t>カクニン</t>
    </rPh>
    <rPh sb="15" eb="16">
      <t>イロ</t>
    </rPh>
    <phoneticPr fontId="2"/>
  </si>
  <si>
    <r>
      <t>申請機器購入と同一の契約において、</t>
    </r>
    <r>
      <rPr>
        <u/>
        <sz val="11"/>
        <color theme="1"/>
        <rFont val="BIZ UDPゴシック"/>
        <family val="3"/>
        <charset val="128"/>
      </rPr>
      <t>申請機器とは全く関連のない機器を同時に購入する場合等</t>
    </r>
    <r>
      <rPr>
        <sz val="11"/>
        <color theme="1"/>
        <rFont val="BIZ UDPゴシック"/>
        <family val="3"/>
        <charset val="128"/>
      </rPr>
      <t>は、同時に購入する機器の情報を入力してください。</t>
    </r>
    <rPh sb="0" eb="2">
      <t>シンセイ</t>
    </rPh>
    <rPh sb="2" eb="4">
      <t>キキ</t>
    </rPh>
    <rPh sb="4" eb="6">
      <t>コウニュウ</t>
    </rPh>
    <rPh sb="7" eb="9">
      <t>ドウイツ</t>
    </rPh>
    <rPh sb="10" eb="12">
      <t>ケイヤク</t>
    </rPh>
    <rPh sb="55" eb="57">
      <t>ジョウホウ</t>
    </rPh>
    <rPh sb="58" eb="60">
      <t>ニュウリョク</t>
    </rPh>
    <phoneticPr fontId="2"/>
  </si>
  <si>
    <r>
      <t>令和７年度協定締結医療機関</t>
    </r>
    <r>
      <rPr>
        <b/>
        <u/>
        <sz val="12"/>
        <color rgb="FFFF0000"/>
        <rFont val="BIZ UDPゴシック"/>
        <family val="3"/>
        <charset val="128"/>
      </rPr>
      <t>設備</t>
    </r>
    <r>
      <rPr>
        <b/>
        <sz val="12"/>
        <color theme="1"/>
        <rFont val="BIZ UDPゴシック"/>
        <family val="3"/>
        <charset val="128"/>
      </rPr>
      <t>整備費補助金意向確認書類の作成方法</t>
    </r>
    <rPh sb="0" eb="2">
      <t>レイワ</t>
    </rPh>
    <rPh sb="3" eb="4">
      <t>ネン</t>
    </rPh>
    <rPh sb="4" eb="5">
      <t>ド</t>
    </rPh>
    <rPh sb="5" eb="7">
      <t>キョウテイ</t>
    </rPh>
    <rPh sb="7" eb="9">
      <t>テイケツ</t>
    </rPh>
    <rPh sb="9" eb="11">
      <t>イリョウ</t>
    </rPh>
    <rPh sb="11" eb="13">
      <t>キカン</t>
    </rPh>
    <rPh sb="13" eb="15">
      <t>セツビ</t>
    </rPh>
    <rPh sb="15" eb="18">
      <t>セイビヒ</t>
    </rPh>
    <rPh sb="18" eb="21">
      <t>ホジョキン</t>
    </rPh>
    <rPh sb="21" eb="23">
      <t>イコウ</t>
    </rPh>
    <rPh sb="23" eb="25">
      <t>カクニン</t>
    </rPh>
    <rPh sb="25" eb="27">
      <t>ショルイ</t>
    </rPh>
    <rPh sb="28" eb="30">
      <t>サクセイ</t>
    </rPh>
    <rPh sb="30" eb="32">
      <t>ホウホウ</t>
    </rPh>
    <phoneticPr fontId="2"/>
  </si>
  <si>
    <t>５　書類の提出</t>
    <rPh sb="2" eb="4">
      <t>ショルイ</t>
    </rPh>
    <rPh sb="5" eb="7">
      <t>テイシュツ</t>
    </rPh>
    <phoneticPr fontId="2"/>
  </si>
  <si>
    <r>
      <t>　このエクセルファイルの他に、</t>
    </r>
    <r>
      <rPr>
        <b/>
        <u/>
        <sz val="12"/>
        <color rgb="FFFF0000"/>
        <rFont val="BIZ UDPゴシック"/>
        <family val="3"/>
        <charset val="128"/>
      </rPr>
      <t>次の資料を提出</t>
    </r>
    <r>
      <rPr>
        <sz val="12"/>
        <rFont val="BIZ UDPゴシック"/>
        <family val="3"/>
        <charset val="128"/>
      </rPr>
      <t>していただく必要があります</t>
    </r>
    <r>
      <rPr>
        <sz val="12"/>
        <color theme="1"/>
        <rFont val="BIZ UDPゴシック"/>
        <family val="3"/>
        <charset val="128"/>
      </rPr>
      <t>。</t>
    </r>
    <rPh sb="12" eb="13">
      <t>ホカ</t>
    </rPh>
    <rPh sb="15" eb="16">
      <t>ツギ</t>
    </rPh>
    <rPh sb="17" eb="19">
      <t>シリョウ</t>
    </rPh>
    <rPh sb="20" eb="22">
      <t>テイシュツ</t>
    </rPh>
    <rPh sb="28" eb="30">
      <t>ヒツヨウ</t>
    </rPh>
    <phoneticPr fontId="2"/>
  </si>
  <si>
    <r>
      <t>・　その他、意向確認審査に必要と認められる資料
　　</t>
    </r>
    <r>
      <rPr>
        <sz val="9"/>
        <color rgb="FF002060"/>
        <rFont val="BIZ UDPゴシック"/>
        <family val="3"/>
        <charset val="128"/>
      </rPr>
      <t>※　審査の過程で必要となった場合は、個別に連絡させていただきます。</t>
    </r>
    <rPh sb="4" eb="5">
      <t>タ</t>
    </rPh>
    <rPh sb="6" eb="8">
      <t>イコウ</t>
    </rPh>
    <rPh sb="8" eb="10">
      <t>カクニン</t>
    </rPh>
    <rPh sb="10" eb="12">
      <t>シンサ</t>
    </rPh>
    <rPh sb="13" eb="15">
      <t>ヒツヨウ</t>
    </rPh>
    <rPh sb="16" eb="17">
      <t>ミト</t>
    </rPh>
    <rPh sb="21" eb="23">
      <t>シリョウ</t>
    </rPh>
    <rPh sb="28" eb="30">
      <t>シンサ</t>
    </rPh>
    <rPh sb="31" eb="33">
      <t>カテイ</t>
    </rPh>
    <rPh sb="34" eb="36">
      <t>ヒツヨウ</t>
    </rPh>
    <rPh sb="40" eb="41">
      <t>バ</t>
    </rPh>
    <rPh sb="41" eb="42">
      <t>ゴウ</t>
    </rPh>
    <rPh sb="44" eb="46">
      <t>コベツ</t>
    </rPh>
    <rPh sb="47" eb="49">
      <t>レンラク</t>
    </rPh>
    <phoneticPr fontId="2"/>
  </si>
  <si>
    <t>　ご準備いただいた資料は、データにて意向確認フォームからそれぞれ提出してください。</t>
    <rPh sb="2" eb="4">
      <t>ジュンビ</t>
    </rPh>
    <rPh sb="9" eb="11">
      <t>シリョウ</t>
    </rPh>
    <rPh sb="18" eb="20">
      <t>イコウ</t>
    </rPh>
    <rPh sb="20" eb="22">
      <t>カクニン</t>
    </rPh>
    <rPh sb="32" eb="34">
      <t>テイシュツ</t>
    </rPh>
    <phoneticPr fontId="2"/>
  </si>
  <si>
    <t>今回の意向確認後、正式な交付申請時に使用する書類のため、現時点では作成不要です。</t>
    <rPh sb="0" eb="2">
      <t>コンカイ</t>
    </rPh>
    <rPh sb="3" eb="5">
      <t>イコウ</t>
    </rPh>
    <rPh sb="5" eb="7">
      <t>カクニン</t>
    </rPh>
    <rPh sb="7" eb="8">
      <t>ゴ</t>
    </rPh>
    <rPh sb="9" eb="11">
      <t>セイシキ</t>
    </rPh>
    <rPh sb="12" eb="14">
      <t>コウフ</t>
    </rPh>
    <rPh sb="14" eb="16">
      <t>シンセイ</t>
    </rPh>
    <rPh sb="16" eb="17">
      <t>ジ</t>
    </rPh>
    <rPh sb="18" eb="20">
      <t>シヨウ</t>
    </rPh>
    <rPh sb="22" eb="24">
      <t>ショルイ</t>
    </rPh>
    <rPh sb="28" eb="31">
      <t>ゲンジテン</t>
    </rPh>
    <rPh sb="33" eb="35">
      <t>サクセイ</t>
    </rPh>
    <rPh sb="35" eb="37">
      <t>フヨウ</t>
    </rPh>
    <phoneticPr fontId="2"/>
  </si>
  <si>
    <r>
      <t xml:space="preserve">品目
</t>
    </r>
    <r>
      <rPr>
        <b/>
        <sz val="8"/>
        <color theme="1"/>
        <rFont val="BIZ UDPゴシック"/>
        <family val="3"/>
        <charset val="128"/>
      </rPr>
      <t>（選択してください）</t>
    </r>
    <rPh sb="0" eb="2">
      <t>ヒンモク</t>
    </rPh>
    <rPh sb="4" eb="6">
      <t>センタク</t>
    </rPh>
    <phoneticPr fontId="2"/>
  </si>
  <si>
    <t>※月日を入力してください。（例　3/10）</t>
    <rPh sb="1" eb="3">
      <t>ツキヒ</t>
    </rPh>
    <rPh sb="4" eb="6">
      <t>ニュウリョク</t>
    </rPh>
    <rPh sb="14" eb="15">
      <t>レイ</t>
    </rPh>
    <phoneticPr fontId="2"/>
  </si>
  <si>
    <r>
      <t xml:space="preserve">代表者氏名
</t>
    </r>
    <r>
      <rPr>
        <sz val="10"/>
        <color theme="1"/>
        <rFont val="BIZ UDPゴシック"/>
        <family val="3"/>
        <charset val="128"/>
      </rPr>
      <t>（法人の場合のみ）</t>
    </r>
    <rPh sb="0" eb="3">
      <t>ダイヒョウシャ</t>
    </rPh>
    <rPh sb="3" eb="5">
      <t>シメイ</t>
    </rPh>
    <rPh sb="7" eb="9">
      <t>ホウジン</t>
    </rPh>
    <rPh sb="10" eb="12">
      <t>バアイ</t>
    </rPh>
    <phoneticPr fontId="2"/>
  </si>
  <si>
    <r>
      <t>開設者氏名</t>
    </r>
    <r>
      <rPr>
        <sz val="10"/>
        <color theme="1"/>
        <rFont val="BIZ UDPゴシック"/>
        <family val="3"/>
        <charset val="128"/>
      </rPr>
      <t xml:space="preserve">（個人の場合）
</t>
    </r>
    <r>
      <rPr>
        <sz val="12"/>
        <color theme="1"/>
        <rFont val="BIZ UDPゴシック"/>
        <family val="3"/>
        <charset val="128"/>
      </rPr>
      <t>又は名称</t>
    </r>
    <r>
      <rPr>
        <sz val="10"/>
        <color theme="1"/>
        <rFont val="BIZ UDPゴシック"/>
        <family val="3"/>
        <charset val="128"/>
      </rPr>
      <t>（法人の場合）</t>
    </r>
    <rPh sb="0" eb="3">
      <t>カイセツシャ</t>
    </rPh>
    <rPh sb="3" eb="5">
      <t>シメイ</t>
    </rPh>
    <phoneticPr fontId="2"/>
  </si>
  <si>
    <t>協定締結済</t>
    <rPh sb="0" eb="2">
      <t>キョウテイ</t>
    </rPh>
    <rPh sb="2" eb="4">
      <t>テイケツ</t>
    </rPh>
    <rPh sb="4" eb="5">
      <t>ズ</t>
    </rPh>
    <phoneticPr fontId="27"/>
  </si>
  <si>
    <t>施設名</t>
  </si>
  <si>
    <t>開設者</t>
  </si>
  <si>
    <t>寄付金その他の収入額</t>
  </si>
  <si>
    <t>選定額</t>
  </si>
  <si>
    <t>国庫補助交付確定額</t>
  </si>
  <si>
    <t>差引過△不足額</t>
  </si>
  <si>
    <t>交付決定年月日・番号</t>
  </si>
  <si>
    <t>所在地</t>
  </si>
  <si>
    <t>品名</t>
    <rPh sb="0" eb="1">
      <t>シナ</t>
    </rPh>
    <rPh sb="1" eb="2">
      <t>メイ</t>
    </rPh>
    <phoneticPr fontId="2"/>
  </si>
  <si>
    <t>対象経費の支出予定額</t>
    <phoneticPr fontId="2"/>
  </si>
  <si>
    <t>個数</t>
    <rPh sb="0" eb="2">
      <t>コスウ</t>
    </rPh>
    <phoneticPr fontId="2"/>
  </si>
  <si>
    <t>基準額（総額）</t>
    <rPh sb="0" eb="2">
      <t>キジュン</t>
    </rPh>
    <rPh sb="2" eb="3">
      <t>ガク</t>
    </rPh>
    <rPh sb="4" eb="6">
      <t>ソウガク</t>
    </rPh>
    <phoneticPr fontId="2"/>
  </si>
  <si>
    <t>基準額（単価）</t>
    <rPh sb="0" eb="2">
      <t>キジュン</t>
    </rPh>
    <rPh sb="2" eb="3">
      <t>ガク</t>
    </rPh>
    <rPh sb="4" eb="6">
      <t>タンカ</t>
    </rPh>
    <phoneticPr fontId="2"/>
  </si>
  <si>
    <t>都道府県
補助額</t>
    <phoneticPr fontId="2"/>
  </si>
  <si>
    <t>国庫補助
基本額</t>
    <phoneticPr fontId="2"/>
  </si>
  <si>
    <t>国庫補助
所要額</t>
    <phoneticPr fontId="2"/>
  </si>
  <si>
    <t>国庫補助交付決定額</t>
    <phoneticPr fontId="2"/>
  </si>
  <si>
    <t>国庫補助受入済額</t>
    <phoneticPr fontId="2"/>
  </si>
  <si>
    <t>補助基本額</t>
    <rPh sb="0" eb="2">
      <t>ホジョ</t>
    </rPh>
    <rPh sb="2" eb="4">
      <t>キホン</t>
    </rPh>
    <rPh sb="4" eb="5">
      <t>ガク</t>
    </rPh>
    <phoneticPr fontId="2"/>
  </si>
  <si>
    <t>種目</t>
    <rPh sb="0" eb="1">
      <t>タネ</t>
    </rPh>
    <rPh sb="1" eb="2">
      <t>メ</t>
    </rPh>
    <phoneticPr fontId="2"/>
  </si>
  <si>
    <t>検査機器_PCR検査装置_</t>
    <rPh sb="0" eb="2">
      <t>ケンサ</t>
    </rPh>
    <rPh sb="2" eb="4">
      <t>キキ</t>
    </rPh>
    <rPh sb="8" eb="10">
      <t>ケンサ</t>
    </rPh>
    <rPh sb="10" eb="12">
      <t>ソウチ</t>
    </rPh>
    <phoneticPr fontId="2"/>
  </si>
  <si>
    <t>HEPAフィルター付き空気清浄機</t>
    <rPh sb="9" eb="10">
      <t>ツ</t>
    </rPh>
    <rPh sb="11" eb="13">
      <t>クウキ</t>
    </rPh>
    <rPh sb="13" eb="16">
      <t>セイジョウキ</t>
    </rPh>
    <phoneticPr fontId="2"/>
  </si>
  <si>
    <t>※神奈川県処理用データ</t>
    <rPh sb="1" eb="5">
      <t>カナガワケン</t>
    </rPh>
    <rPh sb="5" eb="8">
      <t>ショリヨウ</t>
    </rPh>
    <phoneticPr fontId="2"/>
  </si>
  <si>
    <t>＊審査において重要な情報になりますので、入力が必要なセルに記載もれがないようにしてください。</t>
    <rPh sb="1" eb="3">
      <t>シンサ</t>
    </rPh>
    <rPh sb="7" eb="9">
      <t>ジュウヨウ</t>
    </rPh>
    <rPh sb="10" eb="12">
      <t>ジョウホウ</t>
    </rPh>
    <rPh sb="20" eb="22">
      <t>ニュウリョク</t>
    </rPh>
    <rPh sb="23" eb="25">
      <t>ヒツヨウ</t>
    </rPh>
    <rPh sb="29" eb="31">
      <t>キサイ</t>
    </rPh>
    <phoneticPr fontId="2"/>
  </si>
  <si>
    <r>
      <rPr>
        <b/>
        <u/>
        <sz val="12"/>
        <color rgb="FFFF0000"/>
        <rFont val="BIZ UDPゴシック"/>
        <family val="3"/>
        <charset val="128"/>
      </rPr>
      <t>１、２で入力した情報が正しく反映されているか確認</t>
    </r>
    <r>
      <rPr>
        <sz val="12"/>
        <color theme="1"/>
        <rFont val="BIZ UDPゴシック"/>
        <family val="3"/>
        <charset val="128"/>
      </rPr>
      <t>してください。
なお、この書類を国に提出しますので、必ず確認をお願いします。</t>
    </r>
    <rPh sb="4" eb="6">
      <t>ニュウリョク</t>
    </rPh>
    <rPh sb="8" eb="10">
      <t>ジョウホウ</t>
    </rPh>
    <rPh sb="11" eb="12">
      <t>タダ</t>
    </rPh>
    <rPh sb="14" eb="16">
      <t>ハンエイ</t>
    </rPh>
    <rPh sb="22" eb="24">
      <t>カクニン</t>
    </rPh>
    <rPh sb="37" eb="39">
      <t>ショルイ</t>
    </rPh>
    <rPh sb="40" eb="41">
      <t>クニ</t>
    </rPh>
    <rPh sb="42" eb="44">
      <t>テイシュツ</t>
    </rPh>
    <rPh sb="50" eb="51">
      <t>カナラ</t>
    </rPh>
    <rPh sb="52" eb="54">
      <t>カクニン</t>
    </rPh>
    <rPh sb="56" eb="57">
      <t>ネガ</t>
    </rPh>
    <phoneticPr fontId="2"/>
  </si>
  <si>
    <t>＊補助を希望する設備のみ</t>
    <rPh sb="1" eb="3">
      <t>ホジョ</t>
    </rPh>
    <rPh sb="4" eb="6">
      <t>キボウ</t>
    </rPh>
    <rPh sb="8" eb="10">
      <t>セツビ</t>
    </rPh>
    <phoneticPr fontId="2"/>
  </si>
  <si>
    <r>
      <t xml:space="preserve">入力、確認項目は以上です。
</t>
    </r>
    <r>
      <rPr>
        <b/>
        <u/>
        <sz val="12"/>
        <color rgb="FFFF0000"/>
        <rFont val="BIZ UDPゴシック"/>
        <family val="3"/>
        <charset val="128"/>
      </rPr>
      <t>入力内容に不備がないか必ずご確認の上、</t>
    </r>
    <r>
      <rPr>
        <sz val="12"/>
        <rFont val="BIZ UDPゴシック"/>
        <family val="3"/>
        <charset val="128"/>
      </rPr>
      <t>添付資料とともにご提出ください</t>
    </r>
    <r>
      <rPr>
        <sz val="12"/>
        <color theme="1"/>
        <rFont val="BIZ UDPゴシック"/>
        <family val="3"/>
        <charset val="128"/>
      </rPr>
      <t>。</t>
    </r>
    <rPh sb="0" eb="2">
      <t>ニュウリョク</t>
    </rPh>
    <rPh sb="3" eb="5">
      <t>カクニン</t>
    </rPh>
    <rPh sb="5" eb="7">
      <t>コウモク</t>
    </rPh>
    <rPh sb="8" eb="10">
      <t>イジョウ</t>
    </rPh>
    <rPh sb="14" eb="16">
      <t>ニュウリョク</t>
    </rPh>
    <rPh sb="16" eb="18">
      <t>ナイヨウ</t>
    </rPh>
    <rPh sb="19" eb="21">
      <t>フビ</t>
    </rPh>
    <rPh sb="25" eb="26">
      <t>カナラ</t>
    </rPh>
    <rPh sb="28" eb="30">
      <t>カクニン</t>
    </rPh>
    <rPh sb="31" eb="32">
      <t>ウエ</t>
    </rPh>
    <rPh sb="33" eb="35">
      <t>テンプ</t>
    </rPh>
    <rPh sb="35" eb="37">
      <t>シリョウ</t>
    </rPh>
    <rPh sb="42" eb="44">
      <t>テイシュツ</t>
    </rPh>
    <phoneticPr fontId="2"/>
  </si>
  <si>
    <t>・　申請する設備の見積書の写し</t>
    <rPh sb="2" eb="4">
      <t>シンセイ</t>
    </rPh>
    <rPh sb="6" eb="8">
      <t>セツビ</t>
    </rPh>
    <rPh sb="9" eb="12">
      <t>ミツモリショ</t>
    </rPh>
    <rPh sb="13" eb="14">
      <t>ウツ</t>
    </rPh>
    <phoneticPr fontId="2"/>
  </si>
  <si>
    <r>
      <t xml:space="preserve">・　申請する設備の確認書＜オレンジ色のシート＞で提出を求められている資料
</t>
    </r>
    <r>
      <rPr>
        <sz val="11"/>
        <color rgb="FF002060"/>
        <rFont val="BIZ UDPゴシック"/>
        <family val="3"/>
        <charset val="128"/>
      </rPr>
      <t xml:space="preserve">    </t>
    </r>
    <r>
      <rPr>
        <sz val="10"/>
        <color rgb="FF002060"/>
        <rFont val="BIZ UDPゴシック"/>
        <family val="3"/>
        <charset val="128"/>
      </rPr>
      <t>※　カタログ、申請設備の配置（予定）図　等</t>
    </r>
    <rPh sb="2" eb="4">
      <t>シンセイ</t>
    </rPh>
    <rPh sb="6" eb="8">
      <t>セツビ</t>
    </rPh>
    <rPh sb="9" eb="12">
      <t>カクニンショ</t>
    </rPh>
    <rPh sb="17" eb="18">
      <t>イロ</t>
    </rPh>
    <rPh sb="24" eb="26">
      <t>テイシュツ</t>
    </rPh>
    <rPh sb="27" eb="28">
      <t>モト</t>
    </rPh>
    <rPh sb="34" eb="36">
      <t>シリョウ</t>
    </rPh>
    <rPh sb="48" eb="50">
      <t>シンセイ</t>
    </rPh>
    <rPh sb="50" eb="52">
      <t>セツビ</t>
    </rPh>
    <rPh sb="53" eb="55">
      <t>ハイチ</t>
    </rPh>
    <rPh sb="56" eb="58">
      <t>ヨテイ</t>
    </rPh>
    <rPh sb="59" eb="60">
      <t>ズ</t>
    </rPh>
    <rPh sb="61" eb="62">
      <t>トウ</t>
    </rPh>
    <phoneticPr fontId="2"/>
  </si>
  <si>
    <t>新興感染症対応力強化事業（検査機器）</t>
    <rPh sb="0" eb="2">
      <t>シンコウ</t>
    </rPh>
    <rPh sb="2" eb="5">
      <t>カンセンショウ</t>
    </rPh>
    <rPh sb="5" eb="8">
      <t>タイオウリョク</t>
    </rPh>
    <rPh sb="8" eb="10">
      <t>キョウカ</t>
    </rPh>
    <rPh sb="10" eb="12">
      <t>ジギョウ</t>
    </rPh>
    <rPh sb="13" eb="15">
      <t>ケンサ</t>
    </rPh>
    <rPh sb="15" eb="17">
      <t>キキ</t>
    </rPh>
    <phoneticPr fontId="13"/>
  </si>
  <si>
    <t>規格
（商品名）</t>
    <rPh sb="0" eb="2">
      <t>キカク</t>
    </rPh>
    <rPh sb="4" eb="7">
      <t>ショウヒンメイ</t>
    </rPh>
    <phoneticPr fontId="2"/>
  </si>
  <si>
    <t>規格（商品名）</t>
    <rPh sb="0" eb="2">
      <t>キカク</t>
    </rPh>
    <rPh sb="3" eb="6">
      <t>ショウヒンメイ</t>
    </rPh>
    <phoneticPr fontId="2"/>
  </si>
  <si>
    <t>（８）検査装置について、申請時点での導入数（補助品、自費購入品を含む）を規格とともに入力してください。</t>
    <rPh sb="3" eb="5">
      <t>ケンサ</t>
    </rPh>
    <phoneticPr fontId="2"/>
  </si>
  <si>
    <t>規格
（商品名）</t>
    <rPh sb="0" eb="2">
      <t>キカク</t>
    </rPh>
    <rPh sb="4" eb="7">
      <t>ショウヒンメイ</t>
    </rPh>
    <phoneticPr fontId="2"/>
  </si>
  <si>
    <t>台数（台）</t>
    <rPh sb="0" eb="2">
      <t>ダイスウ</t>
    </rPh>
    <rPh sb="3" eb="4">
      <t>ダイ</t>
    </rPh>
    <phoneticPr fontId="2"/>
  </si>
  <si>
    <t>検査機器（PCR検査装置、等温遺伝子増幅装置）</t>
    <phoneticPr fontId="2"/>
  </si>
  <si>
    <t>検査機器（PCR検査装置、等温遺伝子増幅装置）</t>
    <phoneticPr fontId="2"/>
  </si>
  <si>
    <t>（２）付属機器を併せて申請する場合は、付属機器の申請理由（これがなければ医療機関として検査機器を活用することができない理由）を具体的に記載してください。</t>
    <phoneticPr fontId="2"/>
  </si>
  <si>
    <t>等温核酸増幅法（NEAR法、LAMP法、TRC法、TMA法 等）</t>
    <rPh sb="0" eb="2">
      <t>トウオン</t>
    </rPh>
    <rPh sb="2" eb="4">
      <t>カクサン</t>
    </rPh>
    <rPh sb="4" eb="6">
      <t>ゾウフク</t>
    </rPh>
    <rPh sb="6" eb="7">
      <t>ホウ</t>
    </rPh>
    <rPh sb="12" eb="13">
      <t>ホウ</t>
    </rPh>
    <rPh sb="18" eb="19">
      <t>ホウ</t>
    </rPh>
    <rPh sb="23" eb="24">
      <t>ホウ</t>
    </rPh>
    <rPh sb="28" eb="29">
      <t>ホウ</t>
    </rPh>
    <rPh sb="30" eb="31">
      <t>トウ</t>
    </rPh>
    <phoneticPr fontId="2"/>
  </si>
  <si>
    <t>４　「事業計画書」より右のシートについて</t>
    <rPh sb="3" eb="5">
      <t>ジギョウ</t>
    </rPh>
    <rPh sb="5" eb="8">
      <t>ケイカクショ</t>
    </rPh>
    <rPh sb="11" eb="12">
      <t>ミギ</t>
    </rPh>
    <phoneticPr fontId="2"/>
  </si>
  <si>
    <t>　新興感染症発生・まん延時に医療措置協定締結内容を履行するために必要となる検査機器を補助します。
　その前提のもと、以下の項目に回答してください。</t>
    <rPh sb="1" eb="3">
      <t>シンコウ</t>
    </rPh>
    <rPh sb="3" eb="6">
      <t>カンセンショウ</t>
    </rPh>
    <rPh sb="6" eb="8">
      <t>ハッセイ</t>
    </rPh>
    <rPh sb="12" eb="13">
      <t>ジ</t>
    </rPh>
    <rPh sb="14" eb="16">
      <t>イリョウ</t>
    </rPh>
    <rPh sb="16" eb="18">
      <t>ソチ</t>
    </rPh>
    <rPh sb="39" eb="41">
      <t>キキ</t>
    </rPh>
    <phoneticPr fontId="2"/>
  </si>
  <si>
    <t>PCR検査法（リアルタイムＰＣＲ法、ＲＴ-ＰＣＲ法、その他のＰＣＲ法を含む）</t>
    <rPh sb="3" eb="5">
      <t>ケンサ</t>
    </rPh>
    <rPh sb="5" eb="6">
      <t>ホウ</t>
    </rPh>
    <rPh sb="16" eb="17">
      <t>ホウ</t>
    </rPh>
    <rPh sb="35" eb="36">
      <t>フク</t>
    </rPh>
    <phoneticPr fontId="2"/>
  </si>
  <si>
    <t>国補助額</t>
    <rPh sb="0" eb="1">
      <t>クニ</t>
    </rPh>
    <rPh sb="1" eb="3">
      <t>ホジョ</t>
    </rPh>
    <rPh sb="3" eb="4">
      <t>ガク</t>
    </rPh>
    <phoneticPr fontId="2"/>
  </si>
  <si>
    <t>県補助額</t>
    <rPh sb="0" eb="1">
      <t>ケン</t>
    </rPh>
    <rPh sb="1" eb="3">
      <t>ホジョ</t>
    </rPh>
    <rPh sb="3" eb="4">
      <t>ガク</t>
    </rPh>
    <phoneticPr fontId="2"/>
  </si>
  <si>
    <r>
      <t>新興感染症対応力強化事業 
（協定締結医療機関施設整備事業）の内</t>
    </r>
    <r>
      <rPr>
        <b/>
        <sz val="8"/>
        <rFont val="ＭＳ 明朝"/>
        <family val="1"/>
        <charset val="128"/>
      </rPr>
      <t>検査機器</t>
    </r>
    <rPh sb="31" eb="32">
      <t>ウチ</t>
    </rPh>
    <rPh sb="32" eb="34">
      <t>ケンサ</t>
    </rPh>
    <rPh sb="34" eb="36">
      <t>キキ</t>
    </rPh>
    <phoneticPr fontId="2"/>
  </si>
  <si>
    <t>（６）申請機器の検査方法について、以下から回答してください。</t>
    <phoneticPr fontId="2"/>
  </si>
  <si>
    <t>（２）（１）で回答した機器導入後検査件数の算出方法を記載してください。
（例）１日当たりの発熱患者診療時間●分　÷　患者１人当たりの診察・検査に要する時間●分　×　モジュール数　＝　機器導入後検査件数●件</t>
    <rPh sb="7" eb="9">
      <t>カイトウ</t>
    </rPh>
    <rPh sb="11" eb="13">
      <t>キキ</t>
    </rPh>
    <rPh sb="13" eb="15">
      <t>ドウニュウ</t>
    </rPh>
    <rPh sb="15" eb="16">
      <t>ゴ</t>
    </rPh>
    <rPh sb="16" eb="18">
      <t>ケンサ</t>
    </rPh>
    <rPh sb="18" eb="20">
      <t>ケンスウ</t>
    </rPh>
    <rPh sb="21" eb="23">
      <t>サンシュツ</t>
    </rPh>
    <rPh sb="23" eb="25">
      <t>ホウホウ</t>
    </rPh>
    <rPh sb="26" eb="28">
      <t>キサイ</t>
    </rPh>
    <rPh sb="87" eb="88">
      <t>スウ</t>
    </rPh>
    <phoneticPr fontId="2"/>
  </si>
  <si>
    <t>※県名から番地まで入力してください。（法人の場合は「法人の所在地」）
※法人・自治体の場合はその所在地を入力してください。</t>
    <rPh sb="1" eb="3">
      <t>ケンメイ</t>
    </rPh>
    <rPh sb="5" eb="7">
      <t>バンチ</t>
    </rPh>
    <rPh sb="9" eb="11">
      <t>ニュウリョク</t>
    </rPh>
    <rPh sb="19" eb="21">
      <t>ホウジン</t>
    </rPh>
    <rPh sb="22" eb="24">
      <t>バアイ</t>
    </rPh>
    <rPh sb="26" eb="28">
      <t>ホウジン</t>
    </rPh>
    <rPh sb="29" eb="32">
      <t>ショザイチ</t>
    </rPh>
    <rPh sb="36" eb="38">
      <t>ホウジン</t>
    </rPh>
    <rPh sb="39" eb="42">
      <t>ジチタイ</t>
    </rPh>
    <rPh sb="43" eb="45">
      <t>バアイ</t>
    </rPh>
    <rPh sb="48" eb="51">
      <t>ショザイチ</t>
    </rPh>
    <rPh sb="52" eb="54">
      <t>ニュウリョク</t>
    </rPh>
    <phoneticPr fontId="2"/>
  </si>
  <si>
    <t>※法人は法人名を、自治体は市町村名及び管理者名を入力してください。
例）医療法人○○会、　○○市病院事業管理者　神奈川　太郎　
※個人の場合、肩書き及び開設者氏名を入力してください。
例)院長　神奈川　太郎　</t>
    <rPh sb="1" eb="3">
      <t>ホウジン</t>
    </rPh>
    <rPh sb="4" eb="6">
      <t>ホウジン</t>
    </rPh>
    <rPh sb="6" eb="7">
      <t>メイ</t>
    </rPh>
    <rPh sb="9" eb="12">
      <t>ジチタイ</t>
    </rPh>
    <rPh sb="13" eb="16">
      <t>シチョウソン</t>
    </rPh>
    <rPh sb="16" eb="17">
      <t>メイ</t>
    </rPh>
    <rPh sb="17" eb="18">
      <t>オヨ</t>
    </rPh>
    <rPh sb="19" eb="22">
      <t>カンリシャ</t>
    </rPh>
    <rPh sb="22" eb="23">
      <t>メイ</t>
    </rPh>
    <rPh sb="24" eb="26">
      <t>ニュウリョク</t>
    </rPh>
    <rPh sb="34" eb="35">
      <t>レイ</t>
    </rPh>
    <rPh sb="36" eb="38">
      <t>イリョウ</t>
    </rPh>
    <rPh sb="38" eb="40">
      <t>ホウジン</t>
    </rPh>
    <rPh sb="42" eb="43">
      <t>カイ</t>
    </rPh>
    <rPh sb="47" eb="48">
      <t>シ</t>
    </rPh>
    <rPh sb="48" eb="50">
      <t>ビョウイン</t>
    </rPh>
    <rPh sb="50" eb="52">
      <t>ジギョウ</t>
    </rPh>
    <rPh sb="52" eb="55">
      <t>カンリシャ</t>
    </rPh>
    <rPh sb="56" eb="59">
      <t>カナガワ</t>
    </rPh>
    <rPh sb="60" eb="62">
      <t>タロウ</t>
    </rPh>
    <phoneticPr fontId="2"/>
  </si>
  <si>
    <t>法人の情報又は
個人の場合は医療機関の
情報</t>
    <rPh sb="0" eb="2">
      <t>ホウジン</t>
    </rPh>
    <rPh sb="3" eb="5">
      <t>ジョウホウ</t>
    </rPh>
    <rPh sb="5" eb="6">
      <t>マタ</t>
    </rPh>
    <rPh sb="8" eb="10">
      <t>コジン</t>
    </rPh>
    <rPh sb="11" eb="13">
      <t>バアイ</t>
    </rPh>
    <rPh sb="14" eb="16">
      <t>イリョウ</t>
    </rPh>
    <rPh sb="16" eb="18">
      <t>キカン</t>
    </rPh>
    <rPh sb="20" eb="22">
      <t>ジョウホウ</t>
    </rPh>
    <phoneticPr fontId="2"/>
  </si>
  <si>
    <t>（１０）（９）で既存の部屋においてダクト接続等を行い陰圧化する旨を記載した場合には、設置する部屋は陰圧可能な部屋（密閉した部屋等）となっていますか。</t>
    <rPh sb="8" eb="10">
      <t>キゾン</t>
    </rPh>
    <rPh sb="11" eb="13">
      <t>ヘヤ</t>
    </rPh>
    <rPh sb="20" eb="22">
      <t>セツゾク</t>
    </rPh>
    <rPh sb="22" eb="23">
      <t>ナド</t>
    </rPh>
    <rPh sb="24" eb="25">
      <t>オコナ</t>
    </rPh>
    <rPh sb="26" eb="28">
      <t>インアツ</t>
    </rPh>
    <rPh sb="28" eb="29">
      <t>カ</t>
    </rPh>
    <rPh sb="31" eb="32">
      <t>ムネ</t>
    </rPh>
    <rPh sb="33" eb="35">
      <t>キサイ</t>
    </rPh>
    <rPh sb="37" eb="39">
      <t>バアイ</t>
    </rPh>
    <rPh sb="42" eb="44">
      <t>セッチ</t>
    </rPh>
    <rPh sb="46" eb="48">
      <t>ヘヤ</t>
    </rPh>
    <rPh sb="49" eb="51">
      <t>インアツ</t>
    </rPh>
    <rPh sb="51" eb="53">
      <t>カノウ</t>
    </rPh>
    <rPh sb="54" eb="56">
      <t>ヘヤ</t>
    </rPh>
    <rPh sb="57" eb="59">
      <t>ミッペイ</t>
    </rPh>
    <rPh sb="61" eb="64">
      <t>ヘヤナド</t>
    </rPh>
    <phoneticPr fontId="2"/>
  </si>
  <si>
    <t>（1１）HEPAフィルター付き空気清浄機（陰圧対応可能なもの）について、申請時点での導入数（補助品、自費購入品を含む）を規格とともに入力してください。</t>
    <rPh sb="13" eb="14">
      <t>ツ</t>
    </rPh>
    <rPh sb="15" eb="20">
      <t>クウキセイジョウキ</t>
    </rPh>
    <rPh sb="21" eb="23">
      <t>インアツ</t>
    </rPh>
    <rPh sb="23" eb="25">
      <t>タイオウ</t>
    </rPh>
    <rPh sb="25" eb="27">
      <t>カノウ</t>
    </rPh>
    <phoneticPr fontId="2"/>
  </si>
  <si>
    <t>（４）申請機器のメーカー、規格、申請台数、単価（税込み）を記載してください。</t>
    <rPh sb="3" eb="5">
      <t>シンセイ</t>
    </rPh>
    <rPh sb="5" eb="7">
      <t>キキ</t>
    </rPh>
    <rPh sb="13" eb="15">
      <t>キカク</t>
    </rPh>
    <rPh sb="16" eb="18">
      <t>シンセイ</t>
    </rPh>
    <rPh sb="18" eb="20">
      <t>ダイスウ</t>
    </rPh>
    <rPh sb="21" eb="23">
      <t>タンカ</t>
    </rPh>
    <rPh sb="24" eb="26">
      <t>ゼイコ</t>
    </rPh>
    <rPh sb="29" eb="31">
      <t>キサイ</t>
    </rPh>
    <phoneticPr fontId="2"/>
  </si>
  <si>
    <t>（１）付属機器も申請する場合、付属機器の品目・メーカー、規格、申請台数、単価（税込み）を記載してください。</t>
    <rPh sb="3" eb="5">
      <t>フゾク</t>
    </rPh>
    <rPh sb="5" eb="7">
      <t>キキ</t>
    </rPh>
    <rPh sb="8" eb="10">
      <t>シンセイ</t>
    </rPh>
    <rPh sb="12" eb="14">
      <t>バアイ</t>
    </rPh>
    <rPh sb="15" eb="17">
      <t>フゾク</t>
    </rPh>
    <rPh sb="17" eb="19">
      <t>キキ</t>
    </rPh>
    <rPh sb="20" eb="22">
      <t>ヒンモク</t>
    </rPh>
    <rPh sb="28" eb="30">
      <t>キカク</t>
    </rPh>
    <rPh sb="31" eb="33">
      <t>シンセイ</t>
    </rPh>
    <rPh sb="33" eb="35">
      <t>ダイスウ</t>
    </rPh>
    <rPh sb="36" eb="38">
      <t>タンカ</t>
    </rPh>
    <rPh sb="39" eb="41">
      <t>ゼイコ</t>
    </rPh>
    <rPh sb="44" eb="46">
      <t>キサイ</t>
    </rPh>
    <phoneticPr fontId="2"/>
  </si>
  <si>
    <t>※交通費・運搬費のほか、消耗品は補助対象外となります。</t>
    <rPh sb="1" eb="4">
      <t>コウツウヒ</t>
    </rPh>
    <rPh sb="5" eb="7">
      <t>ウンパン</t>
    </rPh>
    <rPh sb="7" eb="8">
      <t>ヒ</t>
    </rPh>
    <rPh sb="12" eb="14">
      <t>ショウモウ</t>
    </rPh>
    <rPh sb="14" eb="15">
      <t>ヒン</t>
    </rPh>
    <rPh sb="16" eb="18">
      <t>ホジョ</t>
    </rPh>
    <rPh sb="18" eb="20">
      <t>タイショウ</t>
    </rPh>
    <rPh sb="20" eb="21">
      <t>ガイ</t>
    </rPh>
    <phoneticPr fontId="2"/>
  </si>
  <si>
    <t>（１）付属機器も申請する場合、機器の品目・メーカー、規格、申請台数、単価（税込み）を記載してください。</t>
    <rPh sb="3" eb="5">
      <t>フゾク</t>
    </rPh>
    <rPh sb="5" eb="7">
      <t>キキ</t>
    </rPh>
    <rPh sb="8" eb="10">
      <t>シンセイ</t>
    </rPh>
    <rPh sb="12" eb="14">
      <t>バアイ</t>
    </rPh>
    <rPh sb="15" eb="17">
      <t>キキ</t>
    </rPh>
    <rPh sb="18" eb="20">
      <t>ヒンモク</t>
    </rPh>
    <rPh sb="26" eb="28">
      <t>キカク</t>
    </rPh>
    <rPh sb="29" eb="31">
      <t>シンセイ</t>
    </rPh>
    <rPh sb="31" eb="33">
      <t>ダイスウ</t>
    </rPh>
    <rPh sb="34" eb="36">
      <t>タンカ</t>
    </rPh>
    <rPh sb="37" eb="39">
      <t>ゼイコ</t>
    </rPh>
    <rPh sb="42" eb="44">
      <t>キサイ</t>
    </rPh>
    <phoneticPr fontId="2"/>
  </si>
  <si>
    <t>※交通費・運搬費のほか、消耗品は補助対象外となります。</t>
    <phoneticPr fontId="2"/>
  </si>
  <si>
    <t>（４）申請機器のメーカー、規格、申請台数、モジュール数、単価（税込み）を記載してください。</t>
    <rPh sb="3" eb="5">
      <t>シンセイ</t>
    </rPh>
    <rPh sb="5" eb="7">
      <t>キキ</t>
    </rPh>
    <rPh sb="13" eb="15">
      <t>キカク</t>
    </rPh>
    <rPh sb="16" eb="18">
      <t>シンセイ</t>
    </rPh>
    <rPh sb="18" eb="20">
      <t>ダイスウ</t>
    </rPh>
    <rPh sb="26" eb="27">
      <t>スウ</t>
    </rPh>
    <rPh sb="28" eb="30">
      <t>タンカ</t>
    </rPh>
    <rPh sb="31" eb="33">
      <t>ゼイコ</t>
    </rPh>
    <rPh sb="36" eb="38">
      <t>キサイ</t>
    </rPh>
    <phoneticPr fontId="2"/>
  </si>
  <si>
    <t>（４）申請機器の銘柄、メーカー、台数、単価（税込み）を記載してください。</t>
    <rPh sb="3" eb="5">
      <t>シンセイ</t>
    </rPh>
    <rPh sb="5" eb="7">
      <t>キキ</t>
    </rPh>
    <rPh sb="8" eb="10">
      <t>メイガラ</t>
    </rPh>
    <rPh sb="16" eb="18">
      <t>ダイスウ</t>
    </rPh>
    <rPh sb="19" eb="21">
      <t>タンカ</t>
    </rPh>
    <rPh sb="22" eb="24">
      <t>ゼイコ</t>
    </rPh>
    <rPh sb="27" eb="29">
      <t>キサイ</t>
    </rPh>
    <phoneticPr fontId="2"/>
  </si>
  <si>
    <t>規格
（商品名）</t>
    <rPh sb="0" eb="2">
      <t>キカク</t>
    </rPh>
    <phoneticPr fontId="2"/>
  </si>
  <si>
    <t>所在地作業用</t>
    <rPh sb="0" eb="3">
      <t>ショザイチ</t>
    </rPh>
    <rPh sb="3" eb="6">
      <t>サギョウヨウ</t>
    </rPh>
    <phoneticPr fontId="2"/>
  </si>
  <si>
    <r>
      <t>※新規及び増設・更新を対象として調査を行いますが、内示や交付決定に当たり、</t>
    </r>
    <r>
      <rPr>
        <b/>
        <u/>
        <sz val="12"/>
        <color rgb="FFFF0000"/>
        <rFont val="BIZ UDPゴシック"/>
        <family val="3"/>
        <charset val="128"/>
      </rPr>
      <t>更新は補助対象から外れる可能性があります。</t>
    </r>
    <phoneticPr fontId="2"/>
  </si>
  <si>
    <r>
      <t>※新規及び増設・更新を対象として調査を行いますが、内示や交付決定に当たり、</t>
    </r>
    <r>
      <rPr>
        <b/>
        <u/>
        <sz val="12"/>
        <color rgb="FFFF0000"/>
        <rFont val="BIZ UDPゴシック"/>
        <family val="3"/>
        <charset val="128"/>
      </rPr>
      <t>更新は補助対象から外れる可能性があります</t>
    </r>
    <r>
      <rPr>
        <sz val="12"/>
        <color theme="1"/>
        <rFont val="BIZ UDPゴシック"/>
        <family val="3"/>
        <charset val="128"/>
      </rPr>
      <t>。</t>
    </r>
    <phoneticPr fontId="2"/>
  </si>
  <si>
    <r>
      <t>※</t>
    </r>
    <r>
      <rPr>
        <b/>
        <u/>
        <sz val="12"/>
        <color rgb="FFFF0000"/>
        <rFont val="BIZ UDPゴシック"/>
        <family val="3"/>
        <charset val="128"/>
      </rPr>
      <t>等温遺伝子増幅装置</t>
    </r>
    <r>
      <rPr>
        <sz val="12"/>
        <color theme="1"/>
        <rFont val="BIZ UDPゴシック"/>
        <family val="3"/>
        <charset val="128"/>
      </rPr>
      <t>も調査対象としていますが、内示や交付決定に当たり、</t>
    </r>
    <r>
      <rPr>
        <b/>
        <u/>
        <sz val="12"/>
        <color rgb="FFFF0000"/>
        <rFont val="BIZ UDPゴシック"/>
        <family val="3"/>
        <charset val="128"/>
      </rPr>
      <t>補助対象から外れる可能性があります</t>
    </r>
    <r>
      <rPr>
        <sz val="12"/>
        <color theme="1"/>
        <rFont val="BIZ UDPゴシック"/>
        <family val="3"/>
        <charset val="128"/>
      </rPr>
      <t>。</t>
    </r>
    <phoneticPr fontId="2"/>
  </si>
  <si>
    <r>
      <t>※新規及び増設・更新を対象として調査を行いますが、内示や交付決定に当たり、</t>
    </r>
    <r>
      <rPr>
        <b/>
        <u/>
        <sz val="12"/>
        <color rgb="FFFF0000"/>
        <rFont val="BIZ UDPゴシック"/>
        <family val="3"/>
        <charset val="128"/>
      </rPr>
      <t>更新は補助対象から外れる可能性があります</t>
    </r>
    <r>
      <rPr>
        <sz val="12"/>
        <color rgb="FF000000"/>
        <rFont val="BIZ UDPゴシック"/>
        <family val="3"/>
        <charset val="128"/>
      </rPr>
      <t>。</t>
    </r>
    <phoneticPr fontId="2"/>
  </si>
  <si>
    <r>
      <t>※</t>
    </r>
    <r>
      <rPr>
        <b/>
        <u/>
        <sz val="12"/>
        <color rgb="FFFF0000"/>
        <rFont val="BIZ UDPゴシック"/>
        <family val="3"/>
        <charset val="128"/>
      </rPr>
      <t>等温核酸増幅法の装置</t>
    </r>
    <r>
      <rPr>
        <sz val="12"/>
        <color theme="1"/>
        <rFont val="BIZ UDPゴシック"/>
        <family val="3"/>
        <charset val="128"/>
      </rPr>
      <t>も調査対象としていますが、内示や交付決定に当たり、</t>
    </r>
    <r>
      <rPr>
        <b/>
        <u/>
        <sz val="12"/>
        <color rgb="FFFF0000"/>
        <rFont val="BIZ UDPゴシック"/>
        <family val="3"/>
        <charset val="128"/>
      </rPr>
      <t>補助対象から外れる可能性があります</t>
    </r>
    <r>
      <rPr>
        <sz val="12"/>
        <color theme="1"/>
        <rFont val="BIZ UDPゴシック"/>
        <family val="3"/>
        <charset val="128"/>
      </rPr>
      <t>。</t>
    </r>
    <rPh sb="3" eb="5">
      <t>カクサン</t>
    </rPh>
    <rPh sb="7" eb="8">
      <t>ホウ</t>
    </rPh>
    <phoneticPr fontId="2"/>
  </si>
  <si>
    <r>
      <t>※その他の検査法を選択した場合は補助対象外となります。
※資料として、</t>
    </r>
    <r>
      <rPr>
        <b/>
        <u/>
        <sz val="12"/>
        <color rgb="FFFF0000"/>
        <rFont val="BIZ UDPゴシック"/>
        <family val="3"/>
        <charset val="128"/>
      </rPr>
      <t>検査方法が記載されているカタログ等を提出</t>
    </r>
    <r>
      <rPr>
        <sz val="12"/>
        <color theme="1"/>
        <rFont val="BIZ UDPゴシック"/>
        <family val="3"/>
        <charset val="128"/>
      </rPr>
      <t>してください。</t>
    </r>
    <rPh sb="5" eb="7">
      <t>ケンサ</t>
    </rPh>
    <rPh sb="7" eb="8">
      <t>ホ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2">
    <numFmt numFmtId="176" formatCode="#,##0_ "/>
    <numFmt numFmtId="177" formatCode="#"/>
    <numFmt numFmtId="178" formatCode="&quot;〒&quot;000&quot;－&quot;0000"/>
    <numFmt numFmtId="179" formatCode="[$-411]ggge&quot;年&quot;m&quot;月&quot;d&quot;日&quot;;@"/>
    <numFmt numFmtId="180" formatCode="#,##0_);[Red]\(#,##0\)"/>
    <numFmt numFmtId="181" formatCode="&quot;〒&quot;000&quot;-&quot;0000"/>
    <numFmt numFmtId="182" formatCode="\(@\)"/>
    <numFmt numFmtId="183" formatCode="#,##0;&quot;△ &quot;#,##0"/>
    <numFmt numFmtId="184" formatCode="#,##0.0;&quot;△ &quot;#,##0.0"/>
    <numFmt numFmtId="185" formatCode="0_ "/>
    <numFmt numFmtId="186" formatCode="#,##0_ ;[Red]\-#,##0\ "/>
    <numFmt numFmtId="187" formatCode="#,###&quot;台&quot;"/>
  </numFmts>
  <fonts count="84">
    <font>
      <sz val="12"/>
      <color theme="1"/>
      <name val="ＭＳ 明朝"/>
      <family val="2"/>
      <charset val="128"/>
    </font>
    <font>
      <sz val="12"/>
      <color theme="1"/>
      <name val="ＭＳ 明朝"/>
      <family val="2"/>
      <charset val="128"/>
    </font>
    <font>
      <sz val="6"/>
      <name val="ＭＳ 明朝"/>
      <family val="2"/>
      <charset val="128"/>
    </font>
    <font>
      <sz val="6"/>
      <name val="ＭＳ Ｐゴシック"/>
      <family val="3"/>
      <charset val="128"/>
    </font>
    <font>
      <sz val="10"/>
      <name val="ＭＳ ゴシック"/>
      <family val="3"/>
      <charset val="128"/>
    </font>
    <font>
      <sz val="11"/>
      <name val="ＭＳ ゴシック"/>
      <family val="3"/>
      <charset val="128"/>
    </font>
    <font>
      <sz val="11"/>
      <color theme="1"/>
      <name val="ＭＳ 明朝"/>
      <family val="1"/>
      <charset val="128"/>
    </font>
    <font>
      <sz val="12"/>
      <color rgb="FF000000"/>
      <name val="ＭＳ 明朝"/>
      <family val="2"/>
      <charset val="128"/>
    </font>
    <font>
      <sz val="11"/>
      <name val="ＭＳ 明朝"/>
      <family val="1"/>
      <charset val="128"/>
    </font>
    <font>
      <sz val="11"/>
      <name val="ＭＳ Ｐゴシック"/>
      <family val="3"/>
      <charset val="128"/>
    </font>
    <font>
      <sz val="12"/>
      <color rgb="FF000000"/>
      <name val="ＭＳ 明朝"/>
      <family val="1"/>
      <charset val="128"/>
    </font>
    <font>
      <sz val="6"/>
      <name val="ＭＳ Ｐゴシック"/>
      <family val="2"/>
      <charset val="128"/>
    </font>
    <font>
      <sz val="12"/>
      <name val="ＭＳ 明朝"/>
      <family val="1"/>
      <charset val="128"/>
    </font>
    <font>
      <sz val="11"/>
      <color theme="1"/>
      <name val="ＭＳ Ｐゴシック"/>
      <family val="2"/>
      <charset val="128"/>
      <scheme val="minor"/>
    </font>
    <font>
      <sz val="12"/>
      <color theme="1"/>
      <name val="ＭＳ ゴシック"/>
      <family val="3"/>
      <charset val="128"/>
    </font>
    <font>
      <sz val="12"/>
      <name val="ＭＳ ゴシック"/>
      <family val="3"/>
      <charset val="128"/>
    </font>
    <font>
      <sz val="12"/>
      <color theme="1"/>
      <name val="ＭＳ 明朝"/>
      <family val="1"/>
      <charset val="128"/>
    </font>
    <font>
      <sz val="9"/>
      <name val="ＭＳ 明朝"/>
      <family val="1"/>
      <charset val="128"/>
    </font>
    <font>
      <sz val="10.5"/>
      <name val="ＭＳ 明朝"/>
      <family val="1"/>
      <charset val="128"/>
    </font>
    <font>
      <sz val="8"/>
      <name val="ＭＳ 明朝"/>
      <family val="1"/>
      <charset val="128"/>
    </font>
    <font>
      <u/>
      <sz val="12"/>
      <name val="ＭＳ 明朝"/>
      <family val="1"/>
      <charset val="128"/>
    </font>
    <font>
      <sz val="20"/>
      <name val="ＭＳ 明朝"/>
      <family val="1"/>
      <charset val="128"/>
    </font>
    <font>
      <sz val="10"/>
      <name val="ＭＳ 明朝"/>
      <family val="1"/>
      <charset val="128"/>
    </font>
    <font>
      <sz val="12"/>
      <color rgb="FFFF0000"/>
      <name val="ＭＳ 明朝"/>
      <family val="2"/>
      <charset val="128"/>
    </font>
    <font>
      <sz val="14"/>
      <name val="ＭＳ ゴシック"/>
      <family val="3"/>
      <charset val="128"/>
    </font>
    <font>
      <sz val="8"/>
      <color rgb="FF00B050"/>
      <name val="ＭＳ 明朝"/>
      <family val="1"/>
      <charset val="128"/>
    </font>
    <font>
      <sz val="11"/>
      <color theme="1"/>
      <name val="ＭＳ Ｐゴシック"/>
      <family val="2"/>
      <scheme val="minor"/>
    </font>
    <font>
      <sz val="6"/>
      <name val="ＭＳ Ｐゴシック"/>
      <family val="3"/>
      <charset val="128"/>
      <scheme val="minor"/>
    </font>
    <font>
      <b/>
      <sz val="14"/>
      <name val="ＭＳ ゴシック"/>
      <family val="3"/>
      <charset val="128"/>
    </font>
    <font>
      <sz val="11"/>
      <color theme="1"/>
      <name val="ＭＳ Ｐゴシック"/>
      <family val="3"/>
      <charset val="128"/>
      <scheme val="minor"/>
    </font>
    <font>
      <sz val="18"/>
      <name val="ＭＳ ゴシック"/>
      <family val="3"/>
      <charset val="128"/>
    </font>
    <font>
      <sz val="11"/>
      <name val="ＭＳ Ｐ明朝"/>
      <family val="1"/>
      <charset val="128"/>
    </font>
    <font>
      <b/>
      <sz val="14"/>
      <name val="ＭＳ Ｐゴシック"/>
      <family val="3"/>
      <charset val="128"/>
    </font>
    <font>
      <sz val="12"/>
      <name val="ＭＳ Ｐゴシック"/>
      <family val="3"/>
      <charset val="128"/>
    </font>
    <font>
      <sz val="11"/>
      <name val="ＭＳ Ｐゴシック"/>
      <family val="3"/>
      <charset val="128"/>
      <scheme val="minor"/>
    </font>
    <font>
      <sz val="12"/>
      <color theme="1"/>
      <name val="BIZ UDPゴシック"/>
      <family val="3"/>
      <charset val="128"/>
    </font>
    <font>
      <b/>
      <sz val="12"/>
      <color theme="1"/>
      <name val="BIZ UDPゴシック"/>
      <family val="3"/>
      <charset val="128"/>
    </font>
    <font>
      <u/>
      <sz val="12"/>
      <color rgb="FFFF0000"/>
      <name val="BIZ UDPゴシック"/>
      <family val="3"/>
      <charset val="128"/>
    </font>
    <font>
      <u/>
      <sz val="12"/>
      <color theme="1"/>
      <name val="BIZ UDPゴシック"/>
      <family val="3"/>
      <charset val="128"/>
    </font>
    <font>
      <sz val="12"/>
      <color rgb="FF002060"/>
      <name val="BIZ UDPゴシック"/>
      <family val="3"/>
      <charset val="128"/>
    </font>
    <font>
      <b/>
      <u/>
      <sz val="12"/>
      <color rgb="FFFF0000"/>
      <name val="BIZ UDPゴシック"/>
      <family val="3"/>
      <charset val="128"/>
    </font>
    <font>
      <b/>
      <sz val="16"/>
      <color theme="1"/>
      <name val="BIZ UDPゴシック"/>
      <family val="3"/>
      <charset val="128"/>
    </font>
    <font>
      <sz val="11"/>
      <color theme="1"/>
      <name val="BIZ UDPゴシック"/>
      <family val="3"/>
      <charset val="128"/>
    </font>
    <font>
      <sz val="12"/>
      <color rgb="FF000000"/>
      <name val="BIZ UDPゴシック"/>
      <family val="3"/>
      <charset val="128"/>
    </font>
    <font>
      <b/>
      <sz val="14"/>
      <color theme="1"/>
      <name val="BIZ UDPゴシック"/>
      <family val="3"/>
      <charset val="128"/>
    </font>
    <font>
      <b/>
      <sz val="12"/>
      <color rgb="FF000000"/>
      <name val="BIZ UDPゴシック"/>
      <family val="3"/>
      <charset val="128"/>
    </font>
    <font>
      <sz val="10"/>
      <color theme="1"/>
      <name val="BIZ UDPゴシック"/>
      <family val="3"/>
      <charset val="128"/>
    </font>
    <font>
      <sz val="12"/>
      <name val="BIZ UDPゴシック"/>
      <family val="3"/>
      <charset val="128"/>
    </font>
    <font>
      <b/>
      <sz val="12"/>
      <name val="BIZ UDPゴシック"/>
      <family val="3"/>
      <charset val="128"/>
    </font>
    <font>
      <sz val="12"/>
      <color theme="0" tint="-0.34998626667073579"/>
      <name val="BIZ UDPゴシック"/>
      <family val="3"/>
      <charset val="128"/>
    </font>
    <font>
      <sz val="7"/>
      <color theme="1"/>
      <name val="BIZ UDPゴシック"/>
      <family val="3"/>
      <charset val="128"/>
    </font>
    <font>
      <sz val="10"/>
      <color theme="0" tint="-0.34998626667073579"/>
      <name val="BIZ UDPゴシック"/>
      <family val="3"/>
      <charset val="128"/>
    </font>
    <font>
      <sz val="14"/>
      <color theme="1"/>
      <name val="BIZ UDPゴシック"/>
      <family val="3"/>
      <charset val="128"/>
    </font>
    <font>
      <u/>
      <sz val="11"/>
      <color rgb="FFFF0000"/>
      <name val="BIZ UDPゴシック"/>
      <family val="3"/>
      <charset val="128"/>
    </font>
    <font>
      <b/>
      <sz val="9"/>
      <name val="BIZ UDPゴシック"/>
      <family val="3"/>
      <charset val="128"/>
    </font>
    <font>
      <b/>
      <sz val="10"/>
      <color theme="1"/>
      <name val="BIZ UDPゴシック"/>
      <family val="3"/>
      <charset val="128"/>
    </font>
    <font>
      <sz val="16"/>
      <color theme="1"/>
      <name val="BIZ UDPゴシック"/>
      <family val="3"/>
      <charset val="128"/>
    </font>
    <font>
      <sz val="11"/>
      <color rgb="FF000000"/>
      <name val="BIZ UDPゴシック"/>
      <family val="3"/>
      <charset val="128"/>
    </font>
    <font>
      <u/>
      <sz val="10.5"/>
      <color theme="10"/>
      <name val="メイリオ"/>
      <family val="3"/>
      <charset val="128"/>
    </font>
    <font>
      <sz val="9"/>
      <color rgb="FF002060"/>
      <name val="BIZ UDPゴシック"/>
      <family val="3"/>
      <charset val="128"/>
    </font>
    <font>
      <sz val="10"/>
      <color rgb="FF000000"/>
      <name val="BIZ UDPゴシック"/>
      <family val="3"/>
      <charset val="128"/>
    </font>
    <font>
      <b/>
      <sz val="8"/>
      <name val="ＭＳ 明朝"/>
      <family val="1"/>
      <charset val="128"/>
    </font>
    <font>
      <b/>
      <sz val="11"/>
      <color rgb="FF000000"/>
      <name val="BIZ UDPゴシック"/>
      <family val="3"/>
      <charset val="128"/>
    </font>
    <font>
      <b/>
      <sz val="11"/>
      <color theme="1"/>
      <name val="BIZ UDPゴシック"/>
      <family val="3"/>
      <charset val="128"/>
    </font>
    <font>
      <b/>
      <sz val="9"/>
      <color theme="1"/>
      <name val="BIZ UDPゴシック"/>
      <family val="3"/>
      <charset val="128"/>
    </font>
    <font>
      <sz val="9"/>
      <color theme="1"/>
      <name val="BIZ UDPゴシック"/>
      <family val="3"/>
      <charset val="128"/>
    </font>
    <font>
      <sz val="8"/>
      <color theme="1"/>
      <name val="BIZ UDPゴシック"/>
      <family val="3"/>
      <charset val="128"/>
    </font>
    <font>
      <sz val="9"/>
      <color theme="1"/>
      <name val="メイリオ"/>
      <family val="3"/>
      <charset val="128"/>
    </font>
    <font>
      <sz val="10"/>
      <color theme="1"/>
      <name val="メイリオ"/>
      <family val="3"/>
      <charset val="128"/>
    </font>
    <font>
      <sz val="11"/>
      <color rgb="FF002060"/>
      <name val="BIZ UDPゴシック"/>
      <family val="3"/>
      <charset val="128"/>
    </font>
    <font>
      <sz val="10"/>
      <color rgb="FF002060"/>
      <name val="BIZ UDPゴシック"/>
      <family val="3"/>
      <charset val="128"/>
    </font>
    <font>
      <u/>
      <sz val="11"/>
      <color theme="1"/>
      <name val="BIZ UDPゴシック"/>
      <family val="3"/>
      <charset val="128"/>
    </font>
    <font>
      <sz val="10"/>
      <color theme="1"/>
      <name val="ＭＳ ゴシック"/>
      <family val="3"/>
      <charset val="128"/>
    </font>
    <font>
      <sz val="10"/>
      <color rgb="FFFF0000"/>
      <name val="ＭＳ ゴシック"/>
      <family val="3"/>
      <charset val="128"/>
    </font>
    <font>
      <sz val="20"/>
      <color theme="1"/>
      <name val="ＭＳ ゴシック"/>
      <family val="3"/>
      <charset val="128"/>
    </font>
    <font>
      <b/>
      <sz val="9"/>
      <color indexed="81"/>
      <name val="ＭＳ Ｐゴシック"/>
      <family val="3"/>
      <charset val="128"/>
    </font>
    <font>
      <b/>
      <u/>
      <sz val="9"/>
      <color indexed="81"/>
      <name val="MS P ゴシック"/>
      <family val="3"/>
      <charset val="128"/>
    </font>
    <font>
      <sz val="9"/>
      <color indexed="81"/>
      <name val="MS P ゴシック"/>
      <family val="3"/>
      <charset val="128"/>
    </font>
    <font>
      <sz val="12"/>
      <color rgb="FFFF0000"/>
      <name val="BIZ UDPゴシック"/>
      <family val="3"/>
      <charset val="128"/>
    </font>
    <font>
      <b/>
      <u/>
      <sz val="11"/>
      <color rgb="FFFF0000"/>
      <name val="BIZ UDPゴシック"/>
      <family val="3"/>
      <charset val="128"/>
    </font>
    <font>
      <b/>
      <sz val="8"/>
      <color theme="1"/>
      <name val="BIZ UDPゴシック"/>
      <family val="3"/>
      <charset val="128"/>
    </font>
    <font>
      <sz val="10"/>
      <color theme="1"/>
      <name val="Meiryo UI"/>
      <family val="3"/>
      <charset val="128"/>
    </font>
    <font>
      <b/>
      <sz val="12"/>
      <color rgb="FF002060"/>
      <name val="BIZ UDPゴシック"/>
      <family val="3"/>
      <charset val="128"/>
    </font>
    <font>
      <sz val="11"/>
      <name val="BIZ UDPゴシック"/>
      <family val="3"/>
      <charset val="128"/>
    </font>
  </fonts>
  <fills count="9">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theme="8" tint="0.79998168889431442"/>
        <bgColor indexed="64"/>
      </patternFill>
    </fill>
    <fill>
      <patternFill patternType="solid">
        <fgColor theme="0" tint="-4.9989318521683403E-2"/>
        <bgColor indexed="64"/>
      </patternFill>
    </fill>
    <fill>
      <patternFill patternType="solid">
        <fgColor theme="4" tint="0.79998168889431442"/>
        <bgColor indexed="64"/>
      </patternFill>
    </fill>
    <fill>
      <patternFill patternType="solid">
        <fgColor theme="4" tint="0.39997558519241921"/>
        <bgColor indexed="64"/>
      </patternFill>
    </fill>
    <fill>
      <patternFill patternType="solid">
        <fgColor theme="4" tint="0.59999389629810485"/>
        <bgColor indexed="64"/>
      </patternFill>
    </fill>
  </fills>
  <borders count="98">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diagonal/>
    </border>
    <border>
      <left/>
      <right style="thin">
        <color auto="1"/>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top style="thin">
        <color auto="1"/>
      </top>
      <bottom/>
      <diagonal/>
    </border>
    <border>
      <left style="thin">
        <color auto="1"/>
      </left>
      <right/>
      <top/>
      <bottom style="thin">
        <color auto="1"/>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medium">
        <color indexed="64"/>
      </left>
      <right style="medium">
        <color indexed="64"/>
      </right>
      <top style="medium">
        <color indexed="64"/>
      </top>
      <bottom style="medium">
        <color indexed="64"/>
      </bottom>
      <diagonal/>
    </border>
    <border>
      <left style="thin">
        <color auto="1"/>
      </left>
      <right/>
      <top style="thin">
        <color auto="1"/>
      </top>
      <bottom style="hair">
        <color auto="1"/>
      </bottom>
      <diagonal/>
    </border>
    <border>
      <left style="thin">
        <color auto="1"/>
      </left>
      <right/>
      <top style="hair">
        <color auto="1"/>
      </top>
      <bottom style="hair">
        <color auto="1"/>
      </bottom>
      <diagonal/>
    </border>
    <border>
      <left style="thin">
        <color auto="1"/>
      </left>
      <right/>
      <top style="hair">
        <color auto="1"/>
      </top>
      <bottom style="thin">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style="hair">
        <color auto="1"/>
      </right>
      <top style="hair">
        <color auto="1"/>
      </top>
      <bottom style="hair">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diagonal/>
    </border>
    <border>
      <left/>
      <right style="medium">
        <color indexed="64"/>
      </right>
      <top/>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right style="hair">
        <color auto="1"/>
      </right>
      <top style="hair">
        <color auto="1"/>
      </top>
      <bottom style="hair">
        <color auto="1"/>
      </bottom>
      <diagonal/>
    </border>
    <border>
      <left/>
      <right/>
      <top/>
      <bottom style="medium">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auto="1"/>
      </left>
      <right style="thin">
        <color auto="1"/>
      </right>
      <top/>
      <bottom style="hair">
        <color auto="1"/>
      </bottom>
      <diagonal/>
    </border>
    <border>
      <left style="thin">
        <color auto="1"/>
      </left>
      <right style="thin">
        <color auto="1"/>
      </right>
      <top style="hair">
        <color auto="1"/>
      </top>
      <bottom style="hair">
        <color auto="1"/>
      </bottom>
      <diagonal/>
    </border>
    <border>
      <left/>
      <right/>
      <top style="hair">
        <color auto="1"/>
      </top>
      <bottom style="hair">
        <color auto="1"/>
      </bottom>
      <diagonal/>
    </border>
    <border>
      <left/>
      <right style="thin">
        <color indexed="64"/>
      </right>
      <top style="hair">
        <color auto="1"/>
      </top>
      <bottom style="hair">
        <color auto="1"/>
      </bottom>
      <diagonal/>
    </border>
    <border>
      <left/>
      <right/>
      <top style="hair">
        <color auto="1"/>
      </top>
      <bottom style="thin">
        <color indexed="64"/>
      </bottom>
      <diagonal/>
    </border>
    <border>
      <left/>
      <right style="thin">
        <color indexed="64"/>
      </right>
      <top style="hair">
        <color indexed="64"/>
      </top>
      <bottom style="thin">
        <color indexed="64"/>
      </bottom>
      <diagonal/>
    </border>
    <border>
      <left style="thin">
        <color indexed="64"/>
      </left>
      <right/>
      <top style="medium">
        <color indexed="64"/>
      </top>
      <bottom/>
      <diagonal/>
    </border>
    <border>
      <left style="thin">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dashed">
        <color auto="1"/>
      </left>
      <right/>
      <top style="dashed">
        <color auto="1"/>
      </top>
      <bottom/>
      <diagonal/>
    </border>
    <border>
      <left/>
      <right/>
      <top style="dashed">
        <color auto="1"/>
      </top>
      <bottom/>
      <diagonal/>
    </border>
    <border>
      <left/>
      <right style="dashed">
        <color auto="1"/>
      </right>
      <top style="dashed">
        <color auto="1"/>
      </top>
      <bottom/>
      <diagonal/>
    </border>
    <border>
      <left style="dashed">
        <color auto="1"/>
      </left>
      <right/>
      <top/>
      <bottom style="dashed">
        <color auto="1"/>
      </bottom>
      <diagonal/>
    </border>
    <border>
      <left/>
      <right/>
      <top/>
      <bottom style="dashed">
        <color auto="1"/>
      </bottom>
      <diagonal/>
    </border>
    <border>
      <left/>
      <right style="dashed">
        <color auto="1"/>
      </right>
      <top/>
      <bottom style="dashed">
        <color auto="1"/>
      </bottom>
      <diagonal/>
    </border>
    <border>
      <left style="dashed">
        <color auto="1"/>
      </left>
      <right/>
      <top/>
      <bottom/>
      <diagonal/>
    </border>
    <border>
      <left/>
      <right style="dashed">
        <color auto="1"/>
      </right>
      <top/>
      <bottom/>
      <diagonal/>
    </border>
    <border>
      <left/>
      <right style="medium">
        <color indexed="64"/>
      </right>
      <top/>
      <bottom style="thin">
        <color indexed="64"/>
      </bottom>
      <diagonal/>
    </border>
    <border>
      <left style="thin">
        <color auto="1"/>
      </left>
      <right style="thin">
        <color auto="1"/>
      </right>
      <top style="thin">
        <color auto="1"/>
      </top>
      <bottom style="hair">
        <color auto="1"/>
      </bottom>
      <diagonal/>
    </border>
    <border>
      <left style="hair">
        <color auto="1"/>
      </left>
      <right style="hair">
        <color auto="1"/>
      </right>
      <top/>
      <bottom style="hair">
        <color auto="1"/>
      </bottom>
      <diagonal/>
    </border>
    <border>
      <left/>
      <right/>
      <top style="thin">
        <color indexed="64"/>
      </top>
      <bottom/>
      <diagonal/>
    </border>
    <border>
      <left style="thin">
        <color auto="1"/>
      </left>
      <right style="thin">
        <color auto="1"/>
      </right>
      <top style="hair">
        <color auto="1"/>
      </top>
      <bottom style="thin">
        <color auto="1"/>
      </bottom>
      <diagonal/>
    </border>
    <border>
      <left style="thin">
        <color auto="1"/>
      </left>
      <right/>
      <top/>
      <bottom style="hair">
        <color auto="1"/>
      </bottom>
      <diagonal/>
    </border>
    <border>
      <left style="medium">
        <color rgb="FFFF0000"/>
      </left>
      <right/>
      <top style="medium">
        <color rgb="FFFF0000"/>
      </top>
      <bottom/>
      <diagonal/>
    </border>
    <border>
      <left/>
      <right/>
      <top style="medium">
        <color rgb="FFFF0000"/>
      </top>
      <bottom/>
      <diagonal/>
    </border>
    <border>
      <left/>
      <right style="medium">
        <color rgb="FFFF0000"/>
      </right>
      <top style="medium">
        <color rgb="FFFF0000"/>
      </top>
      <bottom/>
      <diagonal/>
    </border>
    <border>
      <left style="medium">
        <color rgb="FFFF0000"/>
      </left>
      <right/>
      <top/>
      <bottom style="medium">
        <color rgb="FFFF0000"/>
      </bottom>
      <diagonal/>
    </border>
    <border>
      <left/>
      <right/>
      <top/>
      <bottom style="medium">
        <color rgb="FFFF0000"/>
      </bottom>
      <diagonal/>
    </border>
    <border>
      <left/>
      <right style="medium">
        <color rgb="FFFF0000"/>
      </right>
      <top/>
      <bottom style="medium">
        <color rgb="FFFF0000"/>
      </bottom>
      <diagonal/>
    </border>
  </borders>
  <cellStyleXfs count="17">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7" fillId="0" borderId="0" applyFont="0" applyFill="0" applyBorder="0" applyAlignment="0" applyProtection="0">
      <alignment vertical="center"/>
    </xf>
    <xf numFmtId="0" fontId="9" fillId="0" borderId="0"/>
    <xf numFmtId="38" fontId="9" fillId="0" borderId="0" applyFont="0" applyFill="0" applyBorder="0" applyAlignment="0" applyProtection="0"/>
    <xf numFmtId="0" fontId="13" fillId="0" borderId="0">
      <alignment vertical="center"/>
    </xf>
    <xf numFmtId="38" fontId="13" fillId="0" borderId="0" applyFont="0" applyFill="0" applyBorder="0" applyAlignment="0" applyProtection="0">
      <alignment vertical="center"/>
    </xf>
    <xf numFmtId="9" fontId="13" fillId="0" borderId="0" applyFont="0" applyFill="0" applyBorder="0" applyAlignment="0" applyProtection="0">
      <alignment vertical="center"/>
    </xf>
    <xf numFmtId="38" fontId="9" fillId="0" borderId="0" applyFont="0" applyFill="0" applyBorder="0" applyAlignment="0" applyProtection="0"/>
    <xf numFmtId="0" fontId="26" fillId="0" borderId="0"/>
    <xf numFmtId="38" fontId="26" fillId="0" borderId="0" applyFont="0" applyFill="0" applyBorder="0" applyAlignment="0" applyProtection="0">
      <alignment vertical="center"/>
    </xf>
    <xf numFmtId="0" fontId="22" fillId="0" borderId="0">
      <alignment vertical="center"/>
    </xf>
    <xf numFmtId="0" fontId="29" fillId="0" borderId="0">
      <alignment vertical="center"/>
    </xf>
    <xf numFmtId="38" fontId="29" fillId="0" borderId="0" applyFont="0" applyFill="0" applyBorder="0" applyAlignment="0" applyProtection="0">
      <alignment vertical="center"/>
    </xf>
    <xf numFmtId="0" fontId="31" fillId="0" borderId="0"/>
    <xf numFmtId="0" fontId="58" fillId="0" borderId="0" applyNumberFormat="0" applyFill="0" applyBorder="0" applyAlignment="0" applyProtection="0">
      <alignment vertical="center"/>
    </xf>
  </cellStyleXfs>
  <cellXfs count="1098">
    <xf numFmtId="0" fontId="0" fillId="0" borderId="0" xfId="0">
      <alignment vertical="center"/>
    </xf>
    <xf numFmtId="180" fontId="12" fillId="0" borderId="0" xfId="4" applyNumberFormat="1" applyFont="1"/>
    <xf numFmtId="180" fontId="12" fillId="0" borderId="0" xfId="4" applyNumberFormat="1" applyFont="1" applyAlignment="1">
      <alignment horizontal="left"/>
    </xf>
    <xf numFmtId="180" fontId="12" fillId="0" borderId="0" xfId="4" applyNumberFormat="1" applyFont="1" applyAlignment="1"/>
    <xf numFmtId="180" fontId="17" fillId="0" borderId="0" xfId="4" applyNumberFormat="1" applyFont="1" applyAlignment="1"/>
    <xf numFmtId="180" fontId="12" fillId="0" borderId="0" xfId="4" applyNumberFormat="1" applyFont="1" applyAlignment="1">
      <alignment wrapText="1"/>
    </xf>
    <xf numFmtId="180" fontId="18" fillId="0" borderId="0" xfId="4" applyNumberFormat="1" applyFont="1"/>
    <xf numFmtId="179" fontId="12" fillId="0" borderId="0" xfId="4" applyNumberFormat="1" applyFont="1"/>
    <xf numFmtId="180" fontId="8" fillId="0" borderId="0" xfId="4" applyNumberFormat="1" applyFont="1"/>
    <xf numFmtId="180" fontId="8" fillId="0" borderId="0" xfId="4" applyNumberFormat="1" applyFont="1" applyAlignment="1">
      <alignment horizontal="right"/>
    </xf>
    <xf numFmtId="180" fontId="12" fillId="0" borderId="0" xfId="4" applyNumberFormat="1" applyFont="1" applyBorder="1"/>
    <xf numFmtId="180" fontId="12" fillId="0" borderId="0" xfId="4" applyNumberFormat="1" applyFont="1" applyBorder="1" applyAlignment="1">
      <alignment horizontal="center"/>
    </xf>
    <xf numFmtId="180" fontId="12" fillId="0" borderId="0" xfId="5" applyNumberFormat="1" applyFont="1" applyBorder="1"/>
    <xf numFmtId="180" fontId="12" fillId="0" borderId="14" xfId="4" applyNumberFormat="1" applyFont="1" applyBorder="1"/>
    <xf numFmtId="38" fontId="12" fillId="0" borderId="6" xfId="5" applyFont="1" applyBorder="1"/>
    <xf numFmtId="180" fontId="12" fillId="0" borderId="7" xfId="4" applyNumberFormat="1" applyFont="1" applyBorder="1"/>
    <xf numFmtId="180" fontId="18" fillId="0" borderId="14" xfId="4" applyNumberFormat="1" applyFont="1" applyBorder="1"/>
    <xf numFmtId="38" fontId="18" fillId="0" borderId="11" xfId="5" applyFont="1" applyBorder="1"/>
    <xf numFmtId="180" fontId="17" fillId="0" borderId="8" xfId="4" applyNumberFormat="1" applyFont="1" applyFill="1" applyBorder="1"/>
    <xf numFmtId="180" fontId="17" fillId="0" borderId="3" xfId="4" applyNumberFormat="1" applyFont="1" applyBorder="1"/>
    <xf numFmtId="180" fontId="18" fillId="0" borderId="5" xfId="4" applyNumberFormat="1" applyFont="1" applyBorder="1"/>
    <xf numFmtId="38" fontId="18" fillId="0" borderId="0" xfId="5" applyFont="1" applyBorder="1"/>
    <xf numFmtId="180" fontId="17" fillId="0" borderId="8" xfId="4" applyNumberFormat="1" applyFont="1" applyBorder="1"/>
    <xf numFmtId="38" fontId="18" fillId="0" borderId="0" xfId="5" applyFont="1" applyBorder="1" applyAlignment="1">
      <alignment shrinkToFit="1"/>
    </xf>
    <xf numFmtId="38" fontId="18" fillId="0" borderId="0" xfId="5" applyFont="1" applyBorder="1" applyAlignment="1">
      <alignment horizontal="right" shrinkToFit="1"/>
    </xf>
    <xf numFmtId="0" fontId="10" fillId="0" borderId="8" xfId="4" applyFont="1" applyBorder="1" applyAlignment="1">
      <alignment horizontal="left" vertical="center"/>
    </xf>
    <xf numFmtId="0" fontId="10" fillId="0" borderId="8" xfId="4" applyFont="1" applyBorder="1" applyAlignment="1">
      <alignment horizontal="distributed" vertical="center" shrinkToFit="1"/>
    </xf>
    <xf numFmtId="180" fontId="18" fillId="0" borderId="13" xfId="4" applyNumberFormat="1" applyFont="1" applyBorder="1"/>
    <xf numFmtId="180" fontId="12" fillId="0" borderId="2" xfId="4" applyNumberFormat="1" applyFont="1" applyBorder="1" applyAlignment="1">
      <alignment horizontal="center"/>
    </xf>
    <xf numFmtId="180" fontId="20" fillId="0" borderId="0" xfId="4" applyNumberFormat="1" applyFont="1" applyAlignment="1">
      <alignment vertical="top"/>
    </xf>
    <xf numFmtId="180" fontId="12" fillId="0" borderId="1" xfId="4" applyNumberFormat="1" applyFont="1" applyBorder="1" applyAlignment="1">
      <alignment horizontal="center"/>
    </xf>
    <xf numFmtId="180" fontId="12" fillId="0" borderId="6" xfId="4" applyNumberFormat="1" applyFont="1" applyBorder="1" applyAlignment="1">
      <alignment horizontal="center"/>
    </xf>
    <xf numFmtId="180" fontId="12" fillId="0" borderId="7" xfId="4" applyNumberFormat="1" applyFont="1" applyBorder="1" applyAlignment="1">
      <alignment horizontal="center"/>
    </xf>
    <xf numFmtId="3" fontId="6" fillId="0" borderId="22" xfId="6" applyNumberFormat="1" applyFont="1" applyFill="1" applyBorder="1" applyProtection="1">
      <alignment vertical="center"/>
    </xf>
    <xf numFmtId="180" fontId="22" fillId="0" borderId="8" xfId="4" applyNumberFormat="1" applyFont="1" applyBorder="1"/>
    <xf numFmtId="3" fontId="6" fillId="0" borderId="37" xfId="6" applyNumberFormat="1" applyFont="1" applyFill="1" applyBorder="1" applyProtection="1">
      <alignment vertical="center"/>
    </xf>
    <xf numFmtId="0" fontId="28" fillId="0" borderId="0" xfId="12" applyFont="1">
      <alignment vertical="center"/>
    </xf>
    <xf numFmtId="0" fontId="29" fillId="0" borderId="0" xfId="13">
      <alignment vertical="center"/>
    </xf>
    <xf numFmtId="38" fontId="30" fillId="0" borderId="0" xfId="14" applyFont="1" applyAlignment="1">
      <alignment vertical="center"/>
    </xf>
    <xf numFmtId="38" fontId="30" fillId="0" borderId="0" xfId="14" applyFont="1" applyFill="1" applyBorder="1" applyAlignment="1">
      <alignment horizontal="center" vertical="center"/>
    </xf>
    <xf numFmtId="38" fontId="30" fillId="0" borderId="38" xfId="14" applyFont="1" applyFill="1" applyBorder="1" applyAlignment="1">
      <alignment horizontal="left" vertical="center"/>
    </xf>
    <xf numFmtId="38" fontId="30" fillId="0" borderId="38" xfId="14" applyFont="1" applyFill="1" applyBorder="1" applyAlignment="1">
      <alignment horizontal="center" vertical="center"/>
    </xf>
    <xf numFmtId="38" fontId="15" fillId="0" borderId="38" xfId="14" applyFont="1" applyFill="1" applyBorder="1" applyAlignment="1">
      <alignment horizontal="right" vertical="center"/>
    </xf>
    <xf numFmtId="182" fontId="5" fillId="5" borderId="73" xfId="13" applyNumberFormat="1" applyFont="1" applyFill="1" applyBorder="1" applyAlignment="1">
      <alignment horizontal="center" vertical="center"/>
    </xf>
    <xf numFmtId="0" fontId="5" fillId="5" borderId="73" xfId="13" applyNumberFormat="1" applyFont="1" applyFill="1" applyBorder="1" applyAlignment="1">
      <alignment horizontal="center" vertical="center"/>
    </xf>
    <xf numFmtId="182" fontId="5" fillId="5" borderId="65" xfId="13" applyNumberFormat="1" applyFont="1" applyFill="1" applyBorder="1" applyAlignment="1">
      <alignment horizontal="center" vertical="center"/>
    </xf>
    <xf numFmtId="182" fontId="5" fillId="5" borderId="52" xfId="13" applyNumberFormat="1" applyFont="1" applyFill="1" applyBorder="1" applyAlignment="1">
      <alignment horizontal="center" vertical="center"/>
    </xf>
    <xf numFmtId="0" fontId="5" fillId="5" borderId="65" xfId="13" applyNumberFormat="1" applyFont="1" applyFill="1" applyBorder="1" applyAlignment="1">
      <alignment horizontal="center" vertical="center"/>
    </xf>
    <xf numFmtId="0" fontId="5" fillId="5" borderId="66" xfId="13" applyNumberFormat="1" applyFont="1" applyFill="1" applyBorder="1" applyAlignment="1">
      <alignment horizontal="center" vertical="center"/>
    </xf>
    <xf numFmtId="38" fontId="5" fillId="0" borderId="0" xfId="14" applyFont="1" applyAlignment="1">
      <alignment vertical="center"/>
    </xf>
    <xf numFmtId="38" fontId="5" fillId="0" borderId="0" xfId="14" applyFont="1" applyFill="1" applyAlignment="1">
      <alignment vertical="center"/>
    </xf>
    <xf numFmtId="38" fontId="5" fillId="2" borderId="9" xfId="14" applyFont="1" applyFill="1" applyBorder="1" applyAlignment="1">
      <alignment horizontal="right" vertical="center"/>
    </xf>
    <xf numFmtId="38" fontId="5" fillId="5" borderId="9" xfId="14" applyFont="1" applyFill="1" applyBorder="1" applyAlignment="1">
      <alignment horizontal="right" vertical="center"/>
    </xf>
    <xf numFmtId="38" fontId="5" fillId="5" borderId="2" xfId="14" applyFont="1" applyFill="1" applyBorder="1" applyAlignment="1">
      <alignment horizontal="right" vertical="center"/>
    </xf>
    <xf numFmtId="38" fontId="5" fillId="5" borderId="30" xfId="14" applyFont="1" applyFill="1" applyBorder="1" applyAlignment="1">
      <alignment horizontal="right" vertical="center"/>
    </xf>
    <xf numFmtId="38" fontId="5" fillId="0" borderId="0" xfId="14" applyFont="1" applyFill="1" applyBorder="1" applyAlignment="1">
      <alignment vertical="center"/>
    </xf>
    <xf numFmtId="0" fontId="29" fillId="0" borderId="0" xfId="13" applyAlignment="1">
      <alignment vertical="center"/>
    </xf>
    <xf numFmtId="38" fontId="15" fillId="0" borderId="0" xfId="14" applyFont="1" applyFill="1" applyBorder="1" applyAlignment="1">
      <alignment horizontal="left" vertical="center" wrapText="1"/>
    </xf>
    <xf numFmtId="38" fontId="5" fillId="2" borderId="4" xfId="14" applyFont="1" applyFill="1" applyBorder="1" applyAlignment="1">
      <alignment horizontal="right" vertical="center"/>
    </xf>
    <xf numFmtId="38" fontId="5" fillId="5" borderId="4" xfId="14" applyFont="1" applyFill="1" applyBorder="1" applyAlignment="1">
      <alignment horizontal="right" vertical="center"/>
    </xf>
    <xf numFmtId="38" fontId="5" fillId="5" borderId="8" xfId="14" applyFont="1" applyFill="1" applyBorder="1" applyAlignment="1">
      <alignment horizontal="right" vertical="center"/>
    </xf>
    <xf numFmtId="38" fontId="5" fillId="5" borderId="74" xfId="14" applyFont="1" applyFill="1" applyBorder="1" applyAlignment="1">
      <alignment horizontal="right" vertical="center"/>
    </xf>
    <xf numFmtId="0" fontId="33" fillId="0" borderId="0" xfId="13" applyFont="1" applyAlignment="1">
      <alignment vertical="center"/>
    </xf>
    <xf numFmtId="0" fontId="29" fillId="0" borderId="0" xfId="13" applyFont="1">
      <alignment vertical="center"/>
    </xf>
    <xf numFmtId="0" fontId="34" fillId="0" borderId="0" xfId="13" applyFont="1">
      <alignment vertical="center"/>
    </xf>
    <xf numFmtId="183" fontId="33" fillId="0" borderId="15" xfId="13" applyNumberFormat="1" applyFont="1" applyBorder="1" applyAlignment="1">
      <alignment vertical="center"/>
    </xf>
    <xf numFmtId="0" fontId="32" fillId="0" borderId="11" xfId="15" applyFont="1" applyBorder="1" applyAlignment="1">
      <alignment vertical="center"/>
    </xf>
    <xf numFmtId="0" fontId="35" fillId="0" borderId="0" xfId="0" applyFont="1">
      <alignment vertical="center"/>
    </xf>
    <xf numFmtId="176" fontId="35" fillId="0" borderId="0" xfId="0" applyNumberFormat="1" applyFont="1">
      <alignment vertical="center"/>
    </xf>
    <xf numFmtId="0" fontId="35" fillId="0" borderId="0" xfId="0" applyFont="1" applyFill="1">
      <alignment vertical="center"/>
    </xf>
    <xf numFmtId="176" fontId="42" fillId="0" borderId="0" xfId="0" applyNumberFormat="1" applyFont="1" applyAlignment="1">
      <alignment horizontal="center" vertical="center"/>
    </xf>
    <xf numFmtId="176" fontId="42" fillId="0" borderId="0" xfId="0" applyNumberFormat="1" applyFont="1" applyBorder="1" applyAlignment="1">
      <alignment horizontal="center" vertical="center"/>
    </xf>
    <xf numFmtId="176" fontId="35" fillId="0" borderId="0" xfId="0" applyNumberFormat="1" applyFont="1" applyBorder="1" applyAlignment="1">
      <alignment horizontal="center" vertical="center"/>
    </xf>
    <xf numFmtId="0" fontId="35" fillId="0" borderId="0" xfId="0" applyFont="1" applyFill="1" applyAlignment="1">
      <alignment horizontal="left" vertical="center" wrapText="1"/>
    </xf>
    <xf numFmtId="0" fontId="35" fillId="0" borderId="0" xfId="0" applyFont="1" applyAlignment="1">
      <alignment horizontal="left" vertical="center" wrapText="1"/>
    </xf>
    <xf numFmtId="176" fontId="36" fillId="0" borderId="0" xfId="0" applyNumberFormat="1" applyFont="1">
      <alignment vertical="center"/>
    </xf>
    <xf numFmtId="176" fontId="36" fillId="0" borderId="0" xfId="0" applyNumberFormat="1" applyFont="1" applyAlignment="1">
      <alignment vertical="center" wrapText="1"/>
    </xf>
    <xf numFmtId="0" fontId="36" fillId="0" borderId="0" xfId="0" applyFont="1" applyFill="1" applyAlignment="1">
      <alignment vertical="center" wrapText="1"/>
    </xf>
    <xf numFmtId="0" fontId="36" fillId="0" borderId="0" xfId="0" applyFont="1" applyAlignment="1">
      <alignment vertical="center" wrapText="1"/>
    </xf>
    <xf numFmtId="0" fontId="36" fillId="0" borderId="0" xfId="0" applyFont="1">
      <alignment vertical="center"/>
    </xf>
    <xf numFmtId="176" fontId="36" fillId="0" borderId="0" xfId="0" applyNumberFormat="1" applyFont="1" applyBorder="1" applyAlignment="1">
      <alignment vertical="center" wrapText="1"/>
    </xf>
    <xf numFmtId="0" fontId="36" fillId="0" borderId="0" xfId="0" applyFont="1" applyFill="1" applyBorder="1" applyAlignment="1">
      <alignment vertical="center" wrapText="1"/>
    </xf>
    <xf numFmtId="0" fontId="36" fillId="0" borderId="0" xfId="0" applyFont="1" applyBorder="1" applyAlignment="1">
      <alignment vertical="center" wrapText="1"/>
    </xf>
    <xf numFmtId="176" fontId="35" fillId="0" borderId="1" xfId="0" applyNumberFormat="1" applyFont="1" applyBorder="1" applyAlignment="1">
      <alignment horizontal="center" vertical="center"/>
    </xf>
    <xf numFmtId="176" fontId="36" fillId="0" borderId="0" xfId="0" applyNumberFormat="1" applyFont="1" applyBorder="1">
      <alignment vertical="center"/>
    </xf>
    <xf numFmtId="176" fontId="35" fillId="0" borderId="44" xfId="0" applyNumberFormat="1" applyFont="1" applyBorder="1" applyAlignment="1">
      <alignment horizontal="center" vertical="center"/>
    </xf>
    <xf numFmtId="176" fontId="35" fillId="0" borderId="0" xfId="0" applyNumberFormat="1" applyFont="1" applyAlignment="1">
      <alignment vertical="center" wrapText="1"/>
    </xf>
    <xf numFmtId="0" fontId="35" fillId="0" borderId="0" xfId="0" applyFont="1" applyFill="1" applyAlignment="1">
      <alignment vertical="center" wrapText="1"/>
    </xf>
    <xf numFmtId="0" fontId="35" fillId="0" borderId="0" xfId="0" applyFont="1" applyAlignment="1">
      <alignment vertical="center" wrapText="1"/>
    </xf>
    <xf numFmtId="176" fontId="45" fillId="0" borderId="0" xfId="0" applyNumberFormat="1" applyFont="1" applyAlignment="1">
      <alignment horizontal="left" vertical="center"/>
    </xf>
    <xf numFmtId="176" fontId="43" fillId="0" borderId="0" xfId="0" applyNumberFormat="1" applyFont="1" applyAlignment="1">
      <alignment horizontal="left" vertical="center"/>
    </xf>
    <xf numFmtId="176" fontId="43" fillId="0" borderId="0" xfId="0" applyNumberFormat="1" applyFont="1" applyAlignment="1">
      <alignment horizontal="center" vertical="center"/>
    </xf>
    <xf numFmtId="176" fontId="35" fillId="0" borderId="0" xfId="0" applyNumberFormat="1" applyFont="1" applyFill="1" applyBorder="1" applyAlignment="1">
      <alignment horizontal="left" vertical="center"/>
    </xf>
    <xf numFmtId="3" fontId="35" fillId="0" borderId="0" xfId="0" applyNumberFormat="1" applyFont="1">
      <alignment vertical="center"/>
    </xf>
    <xf numFmtId="0" fontId="43" fillId="0" borderId="0" xfId="0" applyFont="1" applyFill="1" applyBorder="1" applyAlignment="1">
      <alignment horizontal="left" vertical="center"/>
    </xf>
    <xf numFmtId="176" fontId="43" fillId="0" borderId="0" xfId="0" applyNumberFormat="1" applyFont="1" applyAlignment="1">
      <alignment horizontal="right" vertical="center"/>
    </xf>
    <xf numFmtId="38" fontId="43" fillId="0" borderId="75" xfId="1" applyFont="1" applyBorder="1" applyAlignment="1">
      <alignment horizontal="right" vertical="center"/>
    </xf>
    <xf numFmtId="176" fontId="43" fillId="0" borderId="0" xfId="0" applyNumberFormat="1" applyFont="1" applyBorder="1" applyAlignment="1">
      <alignment horizontal="left" vertical="center"/>
    </xf>
    <xf numFmtId="176" fontId="42" fillId="0" borderId="0" xfId="0" applyNumberFormat="1" applyFont="1" applyAlignment="1">
      <alignment vertical="center" wrapText="1"/>
    </xf>
    <xf numFmtId="176" fontId="35" fillId="0" borderId="0" xfId="0" applyNumberFormat="1" applyFont="1" applyAlignment="1">
      <alignment vertical="center"/>
    </xf>
    <xf numFmtId="176" fontId="35" fillId="0" borderId="0" xfId="0" applyNumberFormat="1" applyFont="1" applyBorder="1" applyAlignment="1">
      <alignment vertical="center"/>
    </xf>
    <xf numFmtId="176" fontId="35" fillId="0" borderId="0" xfId="0" applyNumberFormat="1" applyFont="1" applyFill="1" applyBorder="1" applyAlignment="1">
      <alignment horizontal="center" vertical="center"/>
    </xf>
    <xf numFmtId="176" fontId="35" fillId="0" borderId="0" xfId="0" applyNumberFormat="1" applyFont="1" applyFill="1" applyBorder="1" applyAlignment="1">
      <alignment vertical="center"/>
    </xf>
    <xf numFmtId="176" fontId="35" fillId="0" borderId="0" xfId="0" applyNumberFormat="1" applyFont="1" applyAlignment="1">
      <alignment wrapText="1"/>
    </xf>
    <xf numFmtId="176" fontId="42" fillId="0" borderId="28" xfId="0" applyNumberFormat="1" applyFont="1" applyBorder="1" applyAlignment="1">
      <alignment vertical="center" wrapText="1"/>
    </xf>
    <xf numFmtId="176" fontId="35" fillId="0" borderId="62" xfId="0" applyNumberFormat="1" applyFont="1" applyBorder="1" applyAlignment="1">
      <alignment horizontal="center" vertical="center" wrapText="1"/>
    </xf>
    <xf numFmtId="176" fontId="42" fillId="0" borderId="28" xfId="0" applyNumberFormat="1" applyFont="1" applyBorder="1" applyAlignment="1">
      <alignment horizontal="center" vertical="center" wrapText="1"/>
    </xf>
    <xf numFmtId="176" fontId="35" fillId="0" borderId="55" xfId="0" applyNumberFormat="1" applyFont="1" applyBorder="1" applyAlignment="1">
      <alignment horizontal="center" vertical="center" wrapText="1"/>
    </xf>
    <xf numFmtId="38" fontId="43" fillId="0" borderId="52" xfId="1" applyFont="1" applyBorder="1" applyAlignment="1">
      <alignment horizontal="right" vertical="center"/>
    </xf>
    <xf numFmtId="0" fontId="35" fillId="0" borderId="0" xfId="0" applyFont="1" applyFill="1" applyBorder="1" applyAlignment="1">
      <alignment vertical="center" wrapText="1"/>
    </xf>
    <xf numFmtId="0" fontId="35" fillId="7" borderId="0" xfId="0" applyFont="1" applyFill="1">
      <alignment vertical="center"/>
    </xf>
    <xf numFmtId="176" fontId="47" fillId="0" borderId="0" xfId="0" applyNumberFormat="1" applyFont="1" applyAlignment="1">
      <alignment horizontal="left" vertical="center"/>
    </xf>
    <xf numFmtId="176" fontId="48" fillId="0" borderId="0" xfId="0" applyNumberFormat="1" applyFont="1" applyAlignment="1">
      <alignment horizontal="left" vertical="center"/>
    </xf>
    <xf numFmtId="176" fontId="44" fillId="7" borderId="0" xfId="0" applyNumberFormat="1" applyFont="1" applyFill="1" applyAlignment="1">
      <alignment horizontal="left" vertical="center"/>
    </xf>
    <xf numFmtId="176" fontId="35" fillId="7" borderId="0" xfId="0" applyNumberFormat="1" applyFont="1" applyFill="1" applyAlignment="1">
      <alignment horizontal="left" vertical="center"/>
    </xf>
    <xf numFmtId="176" fontId="35" fillId="7" borderId="0" xfId="0" applyNumberFormat="1" applyFont="1" applyFill="1" applyAlignment="1">
      <alignment horizontal="left" vertical="center" wrapText="1"/>
    </xf>
    <xf numFmtId="176" fontId="45" fillId="7" borderId="0" xfId="0" applyNumberFormat="1" applyFont="1" applyFill="1" applyAlignment="1">
      <alignment horizontal="left" vertical="center"/>
    </xf>
    <xf numFmtId="176" fontId="43" fillId="7" borderId="0" xfId="0" applyNumberFormat="1" applyFont="1" applyFill="1" applyAlignment="1">
      <alignment horizontal="left" vertical="center"/>
    </xf>
    <xf numFmtId="176" fontId="43" fillId="7" borderId="0" xfId="0" applyNumberFormat="1" applyFont="1" applyFill="1" applyAlignment="1">
      <alignment horizontal="left" vertical="center" wrapText="1"/>
    </xf>
    <xf numFmtId="176" fontId="35" fillId="7" borderId="0" xfId="0" applyNumberFormat="1" applyFont="1" applyFill="1">
      <alignment vertical="center"/>
    </xf>
    <xf numFmtId="176" fontId="36" fillId="7" borderId="0" xfId="0" applyNumberFormat="1" applyFont="1" applyFill="1">
      <alignment vertical="center"/>
    </xf>
    <xf numFmtId="176" fontId="36" fillId="7" borderId="0" xfId="0" applyNumberFormat="1" applyFont="1" applyFill="1" applyAlignment="1">
      <alignment vertical="center"/>
    </xf>
    <xf numFmtId="176" fontId="36" fillId="7" borderId="0" xfId="0" applyNumberFormat="1" applyFont="1" applyFill="1" applyAlignment="1">
      <alignment vertical="center" wrapText="1"/>
    </xf>
    <xf numFmtId="176" fontId="35" fillId="7" borderId="0" xfId="0" applyNumberFormat="1" applyFont="1" applyFill="1" applyAlignment="1">
      <alignment vertical="center"/>
    </xf>
    <xf numFmtId="180" fontId="52" fillId="0" borderId="0" xfId="0" applyNumberFormat="1" applyFont="1" applyAlignment="1">
      <alignment horizontal="center" vertical="center"/>
    </xf>
    <xf numFmtId="180" fontId="35" fillId="0" borderId="0" xfId="0" applyNumberFormat="1" applyFont="1">
      <alignment vertical="center"/>
    </xf>
    <xf numFmtId="180" fontId="42" fillId="0" borderId="0" xfId="0" applyNumberFormat="1" applyFont="1" applyBorder="1" applyAlignment="1">
      <alignment horizontal="center" vertical="center"/>
    </xf>
    <xf numFmtId="180" fontId="35" fillId="0" borderId="1" xfId="0" applyNumberFormat="1" applyFont="1" applyBorder="1" applyAlignment="1">
      <alignment horizontal="center" vertical="center"/>
    </xf>
    <xf numFmtId="180" fontId="35" fillId="0" borderId="1" xfId="0" applyNumberFormat="1" applyFont="1" applyBorder="1" applyAlignment="1">
      <alignment vertical="center"/>
    </xf>
    <xf numFmtId="180" fontId="35" fillId="0" borderId="44" xfId="0" applyNumberFormat="1" applyFont="1" applyBorder="1" applyAlignment="1">
      <alignment vertical="center"/>
    </xf>
    <xf numFmtId="180" fontId="42" fillId="0" borderId="0" xfId="0" applyNumberFormat="1" applyFont="1" applyAlignment="1">
      <alignment horizontal="left" vertical="center"/>
    </xf>
    <xf numFmtId="180" fontId="45" fillId="0" borderId="0" xfId="0" applyNumberFormat="1" applyFont="1" applyAlignment="1">
      <alignment horizontal="left" vertical="center"/>
    </xf>
    <xf numFmtId="180" fontId="43" fillId="0" borderId="0" xfId="0" applyNumberFormat="1" applyFont="1" applyAlignment="1">
      <alignment horizontal="left" vertical="center"/>
    </xf>
    <xf numFmtId="180" fontId="43" fillId="0" borderId="0" xfId="0" applyNumberFormat="1" applyFont="1" applyAlignment="1">
      <alignment horizontal="left" vertical="center" wrapText="1"/>
    </xf>
    <xf numFmtId="180" fontId="35" fillId="0" borderId="0" xfId="0" applyNumberFormat="1" applyFont="1" applyFill="1" applyBorder="1" applyAlignment="1">
      <alignment horizontal="center" vertical="center"/>
    </xf>
    <xf numFmtId="180" fontId="36" fillId="0" borderId="0" xfId="0" applyNumberFormat="1" applyFont="1" applyAlignment="1">
      <alignment horizontal="left" vertical="center"/>
    </xf>
    <xf numFmtId="180" fontId="35" fillId="0" borderId="0" xfId="0" applyNumberFormat="1" applyFont="1" applyAlignment="1">
      <alignment horizontal="left" vertical="center"/>
    </xf>
    <xf numFmtId="180" fontId="35" fillId="0" borderId="60" xfId="0" applyNumberFormat="1" applyFont="1" applyBorder="1" applyAlignment="1">
      <alignment horizontal="center" vertical="center"/>
    </xf>
    <xf numFmtId="180" fontId="43" fillId="0" borderId="52" xfId="0" applyNumberFormat="1" applyFont="1" applyFill="1" applyBorder="1" applyAlignment="1">
      <alignment horizontal="center" vertical="center"/>
    </xf>
    <xf numFmtId="180" fontId="42" fillId="0" borderId="0" xfId="0" applyNumberFormat="1" applyFont="1" applyAlignment="1">
      <alignment horizontal="center" vertical="center"/>
    </xf>
    <xf numFmtId="180" fontId="35" fillId="0" borderId="0" xfId="0" applyNumberFormat="1" applyFont="1" applyAlignment="1">
      <alignment horizontal="right" vertical="center"/>
    </xf>
    <xf numFmtId="180" fontId="35" fillId="0" borderId="0" xfId="0" applyNumberFormat="1" applyFont="1" applyAlignment="1">
      <alignment vertical="center" wrapText="1"/>
    </xf>
    <xf numFmtId="180" fontId="35" fillId="0" borderId="0" xfId="0" applyNumberFormat="1" applyFont="1" applyBorder="1">
      <alignment vertical="center"/>
    </xf>
    <xf numFmtId="0" fontId="35" fillId="0" borderId="0" xfId="0" applyFont="1" applyAlignment="1">
      <alignment horizontal="right" vertical="center"/>
    </xf>
    <xf numFmtId="38" fontId="35" fillId="0" borderId="52" xfId="1" applyFont="1" applyBorder="1" applyAlignment="1">
      <alignment horizontal="right" vertical="center"/>
    </xf>
    <xf numFmtId="38" fontId="35" fillId="0" borderId="0" xfId="1" applyFont="1" applyBorder="1" applyAlignment="1">
      <alignment horizontal="right" vertical="center"/>
    </xf>
    <xf numFmtId="180" fontId="35" fillId="7" borderId="0" xfId="0" applyNumberFormat="1" applyFont="1" applyFill="1" applyAlignment="1">
      <alignment horizontal="left" vertical="center" wrapText="1"/>
    </xf>
    <xf numFmtId="180" fontId="44" fillId="7" borderId="0" xfId="0" applyNumberFormat="1" applyFont="1" applyFill="1" applyAlignment="1">
      <alignment horizontal="left" vertical="center"/>
    </xf>
    <xf numFmtId="180" fontId="35" fillId="7" borderId="0" xfId="0" applyNumberFormat="1" applyFont="1" applyFill="1">
      <alignment vertical="center"/>
    </xf>
    <xf numFmtId="180" fontId="36" fillId="7" borderId="0" xfId="0" applyNumberFormat="1" applyFont="1" applyFill="1" applyAlignment="1">
      <alignment horizontal="left" vertical="center"/>
    </xf>
    <xf numFmtId="180" fontId="47" fillId="0" borderId="0" xfId="0" applyNumberFormat="1" applyFont="1">
      <alignment vertical="center"/>
    </xf>
    <xf numFmtId="180" fontId="48" fillId="0" borderId="60" xfId="0" applyNumberFormat="1" applyFont="1" applyBorder="1" applyAlignment="1">
      <alignment horizontal="center" vertical="center"/>
    </xf>
    <xf numFmtId="180" fontId="43" fillId="0" borderId="38" xfId="0" applyNumberFormat="1" applyFont="1" applyBorder="1" applyAlignment="1">
      <alignment vertical="center"/>
    </xf>
    <xf numFmtId="180" fontId="36" fillId="7" borderId="0" xfId="0" applyNumberFormat="1" applyFont="1" applyFill="1">
      <alignment vertical="center"/>
    </xf>
    <xf numFmtId="180" fontId="36" fillId="7" borderId="0" xfId="0" applyNumberFormat="1" applyFont="1" applyFill="1" applyAlignment="1">
      <alignment vertical="center"/>
    </xf>
    <xf numFmtId="0" fontId="35" fillId="0" borderId="0" xfId="0" applyFont="1" applyBorder="1" applyAlignment="1">
      <alignment vertical="center"/>
    </xf>
    <xf numFmtId="0" fontId="42" fillId="0" borderId="0" xfId="0" applyFont="1" applyBorder="1" applyAlignment="1">
      <alignment vertical="center" wrapText="1"/>
    </xf>
    <xf numFmtId="0" fontId="35" fillId="0" borderId="0" xfId="0" applyFont="1" applyBorder="1" applyAlignment="1">
      <alignment horizontal="left" vertical="center"/>
    </xf>
    <xf numFmtId="38" fontId="43" fillId="0" borderId="75" xfId="1" applyFont="1" applyFill="1" applyBorder="1" applyAlignment="1">
      <alignment horizontal="right" vertical="center"/>
    </xf>
    <xf numFmtId="176" fontId="35" fillId="0" borderId="0" xfId="0" applyNumberFormat="1" applyFont="1" applyBorder="1" applyAlignment="1">
      <alignment horizontal="left" vertical="center"/>
    </xf>
    <xf numFmtId="176" fontId="42" fillId="0" borderId="0" xfId="0" applyNumberFormat="1" applyFont="1" applyFill="1" applyBorder="1" applyAlignment="1">
      <alignment horizontal="center" vertical="center" wrapText="1"/>
    </xf>
    <xf numFmtId="176" fontId="42" fillId="0" borderId="0" xfId="0" applyNumberFormat="1" applyFont="1" applyFill="1" applyBorder="1" applyAlignment="1">
      <alignment vertical="center" wrapText="1"/>
    </xf>
    <xf numFmtId="176" fontId="42" fillId="0" borderId="0" xfId="0" applyNumberFormat="1" applyFont="1" applyBorder="1" applyAlignment="1">
      <alignment vertical="center" wrapText="1"/>
    </xf>
    <xf numFmtId="176" fontId="35" fillId="0" borderId="1" xfId="0" applyNumberFormat="1" applyFont="1" applyFill="1" applyBorder="1" applyAlignment="1">
      <alignment horizontal="center" vertical="center"/>
    </xf>
    <xf numFmtId="176" fontId="35" fillId="0" borderId="44" xfId="0" applyNumberFormat="1" applyFont="1" applyFill="1" applyBorder="1" applyAlignment="1">
      <alignment horizontal="center" vertical="center"/>
    </xf>
    <xf numFmtId="176" fontId="43" fillId="0" borderId="52" xfId="0" applyNumberFormat="1" applyFont="1" applyFill="1" applyBorder="1" applyAlignment="1">
      <alignment horizontal="left" vertical="center"/>
    </xf>
    <xf numFmtId="176" fontId="47" fillId="0" borderId="0" xfId="0" applyNumberFormat="1" applyFont="1" applyAlignment="1">
      <alignment horizontal="left" vertical="center" wrapText="1"/>
    </xf>
    <xf numFmtId="176" fontId="45" fillId="8" borderId="23" xfId="0" applyNumberFormat="1" applyFont="1" applyFill="1" applyBorder="1" applyAlignment="1">
      <alignment horizontal="center" vertical="center"/>
    </xf>
    <xf numFmtId="176" fontId="45" fillId="8" borderId="24" xfId="0" applyNumberFormat="1" applyFont="1" applyFill="1" applyBorder="1" applyAlignment="1">
      <alignment horizontal="center" vertical="center" wrapText="1"/>
    </xf>
    <xf numFmtId="176" fontId="45" fillId="8" borderId="51" xfId="0" applyNumberFormat="1" applyFont="1" applyFill="1" applyBorder="1" applyAlignment="1">
      <alignment horizontal="center" vertical="center" wrapText="1"/>
    </xf>
    <xf numFmtId="176" fontId="45" fillId="8" borderId="23" xfId="0" applyNumberFormat="1" applyFont="1" applyFill="1" applyBorder="1" applyAlignment="1">
      <alignment horizontal="center" vertical="center" wrapText="1"/>
    </xf>
    <xf numFmtId="176" fontId="42" fillId="8" borderId="15" xfId="0" applyNumberFormat="1" applyFont="1" applyFill="1" applyBorder="1" applyAlignment="1">
      <alignment horizontal="center" vertical="center" wrapText="1"/>
    </xf>
    <xf numFmtId="176" fontId="42" fillId="8" borderId="15" xfId="0" applyNumberFormat="1" applyFont="1" applyFill="1" applyBorder="1" applyAlignment="1">
      <alignment horizontal="center" vertical="center"/>
    </xf>
    <xf numFmtId="176" fontId="42" fillId="0" borderId="0" xfId="0" applyNumberFormat="1" applyFont="1" applyAlignment="1">
      <alignment horizontal="left" vertical="center"/>
    </xf>
    <xf numFmtId="176" fontId="36" fillId="0" borderId="0" xfId="0" applyNumberFormat="1" applyFont="1" applyAlignment="1">
      <alignment horizontal="left" vertical="center"/>
    </xf>
    <xf numFmtId="176" fontId="43" fillId="0" borderId="52" xfId="0" applyNumberFormat="1" applyFont="1" applyFill="1" applyBorder="1" applyAlignment="1">
      <alignment horizontal="center" vertical="center"/>
    </xf>
    <xf numFmtId="176" fontId="35" fillId="0" borderId="0" xfId="0" applyNumberFormat="1" applyFont="1" applyAlignment="1">
      <alignment horizontal="right" vertical="center"/>
    </xf>
    <xf numFmtId="176" fontId="35" fillId="0" borderId="0" xfId="0" applyNumberFormat="1" applyFont="1" applyBorder="1" applyAlignment="1" applyProtection="1">
      <alignment horizontal="center" vertical="center"/>
    </xf>
    <xf numFmtId="176" fontId="35" fillId="0" borderId="52" xfId="0" applyNumberFormat="1" applyFont="1" applyBorder="1" applyAlignment="1">
      <alignment horizontal="center" vertical="center"/>
    </xf>
    <xf numFmtId="176" fontId="36" fillId="7" borderId="0" xfId="0" applyNumberFormat="1" applyFont="1" applyFill="1" applyAlignment="1">
      <alignment horizontal="left" vertical="center"/>
    </xf>
    <xf numFmtId="176" fontId="47" fillId="0" borderId="0" xfId="0" applyNumberFormat="1" applyFont="1">
      <alignment vertical="center"/>
    </xf>
    <xf numFmtId="176" fontId="43" fillId="0" borderId="38" xfId="0" applyNumberFormat="1" applyFont="1" applyBorder="1" applyAlignment="1">
      <alignment vertical="center"/>
    </xf>
    <xf numFmtId="180" fontId="25" fillId="0" borderId="8" xfId="4" applyNumberFormat="1" applyFont="1" applyFill="1" applyBorder="1" applyAlignment="1">
      <alignment vertical="center" wrapText="1" shrinkToFit="1"/>
    </xf>
    <xf numFmtId="180" fontId="19" fillId="0" borderId="87" xfId="4" applyNumberFormat="1" applyFont="1" applyFill="1" applyBorder="1" applyAlignment="1">
      <alignment vertical="center" wrapText="1" shrinkToFit="1"/>
    </xf>
    <xf numFmtId="3" fontId="6" fillId="2" borderId="21" xfId="6" applyNumberFormat="1" applyFont="1" applyFill="1" applyBorder="1" applyProtection="1">
      <alignment vertical="center"/>
    </xf>
    <xf numFmtId="180" fontId="19" fillId="0" borderId="68" xfId="4" applyNumberFormat="1" applyFont="1" applyFill="1" applyBorder="1" applyAlignment="1">
      <alignment vertical="center" wrapText="1" shrinkToFit="1"/>
    </xf>
    <xf numFmtId="3" fontId="6" fillId="0" borderId="88" xfId="6" applyNumberFormat="1" applyFont="1" applyFill="1" applyBorder="1" applyProtection="1">
      <alignment vertical="center"/>
    </xf>
    <xf numFmtId="0" fontId="12" fillId="0" borderId="87" xfId="4" applyFont="1" applyBorder="1" applyAlignment="1">
      <alignment horizontal="distributed" vertical="center" shrinkToFit="1"/>
    </xf>
    <xf numFmtId="3" fontId="6" fillId="0" borderId="21" xfId="6" applyNumberFormat="1" applyFont="1" applyFill="1" applyBorder="1" applyProtection="1">
      <alignment vertical="center"/>
    </xf>
    <xf numFmtId="180" fontId="12" fillId="0" borderId="68" xfId="4" applyNumberFormat="1" applyFont="1" applyBorder="1" applyAlignment="1">
      <alignment horizontal="distributed" vertical="center"/>
    </xf>
    <xf numFmtId="0" fontId="12" fillId="0" borderId="68" xfId="4" applyFont="1" applyBorder="1" applyAlignment="1">
      <alignment horizontal="distributed" vertical="center" shrinkToFit="1"/>
    </xf>
    <xf numFmtId="38" fontId="57" fillId="0" borderId="75" xfId="1" applyFont="1" applyBorder="1" applyAlignment="1">
      <alignment horizontal="right" vertical="center" shrinkToFit="1"/>
    </xf>
    <xf numFmtId="176" fontId="35" fillId="0" borderId="0" xfId="0" applyNumberFormat="1" applyFont="1" applyAlignment="1">
      <alignment vertical="center" shrinkToFit="1"/>
    </xf>
    <xf numFmtId="183" fontId="24" fillId="2" borderId="10" xfId="14" applyNumberFormat="1" applyFont="1" applyFill="1" applyBorder="1" applyAlignment="1">
      <alignment vertical="center" shrinkToFit="1"/>
    </xf>
    <xf numFmtId="183" fontId="24" fillId="5" borderId="10" xfId="14" applyNumberFormat="1" applyFont="1" applyFill="1" applyBorder="1" applyAlignment="1">
      <alignment vertical="center" shrinkToFit="1"/>
    </xf>
    <xf numFmtId="183" fontId="24" fillId="5" borderId="3" xfId="14" applyNumberFormat="1" applyFont="1" applyFill="1" applyBorder="1" applyAlignment="1">
      <alignment vertical="center" shrinkToFit="1"/>
    </xf>
    <xf numFmtId="184" fontId="24" fillId="5" borderId="10" xfId="14" applyNumberFormat="1" applyFont="1" applyFill="1" applyBorder="1" applyAlignment="1">
      <alignment vertical="center" shrinkToFit="1"/>
    </xf>
    <xf numFmtId="183" fontId="24" fillId="5" borderId="32" xfId="14" applyNumberFormat="1" applyFont="1" applyFill="1" applyBorder="1" applyAlignment="1">
      <alignment vertical="center" shrinkToFit="1"/>
    </xf>
    <xf numFmtId="183" fontId="24" fillId="2" borderId="35" xfId="14" applyNumberFormat="1" applyFont="1" applyFill="1" applyBorder="1" applyAlignment="1">
      <alignment vertical="center" shrinkToFit="1"/>
    </xf>
    <xf numFmtId="183" fontId="24" fillId="5" borderId="35" xfId="14" applyNumberFormat="1" applyFont="1" applyFill="1" applyBorder="1" applyAlignment="1">
      <alignment vertical="center" shrinkToFit="1"/>
    </xf>
    <xf numFmtId="183" fontId="24" fillId="5" borderId="34" xfId="14" applyNumberFormat="1" applyFont="1" applyFill="1" applyBorder="1" applyAlignment="1">
      <alignment vertical="center" shrinkToFit="1"/>
    </xf>
    <xf numFmtId="184" fontId="24" fillId="5" borderId="35" xfId="14" applyNumberFormat="1" applyFont="1" applyFill="1" applyBorder="1" applyAlignment="1">
      <alignment vertical="center" shrinkToFit="1"/>
    </xf>
    <xf numFmtId="183" fontId="24" fillId="5" borderId="36" xfId="14" applyNumberFormat="1" applyFont="1" applyFill="1" applyBorder="1" applyAlignment="1">
      <alignment vertical="center" shrinkToFit="1"/>
    </xf>
    <xf numFmtId="180" fontId="12" fillId="0" borderId="0" xfId="4" applyNumberFormat="1" applyFont="1" applyAlignment="1">
      <alignment shrinkToFit="1"/>
    </xf>
    <xf numFmtId="38" fontId="18" fillId="0" borderId="37" xfId="5" applyFont="1" applyFill="1" applyBorder="1" applyAlignment="1">
      <alignment horizontal="right" vertical="center"/>
    </xf>
    <xf numFmtId="180" fontId="12" fillId="0" borderId="1" xfId="4" applyNumberFormat="1" applyFont="1" applyBorder="1" applyAlignment="1">
      <alignment horizontal="center" vertical="center"/>
    </xf>
    <xf numFmtId="180" fontId="8" fillId="0" borderId="0" xfId="4" applyNumberFormat="1" applyFont="1" applyAlignment="1">
      <alignment vertical="center"/>
    </xf>
    <xf numFmtId="38" fontId="43" fillId="0" borderId="0" xfId="1" applyFont="1" applyFill="1" applyBorder="1" applyAlignment="1">
      <alignment horizontal="right" vertical="center"/>
    </xf>
    <xf numFmtId="176" fontId="43" fillId="0" borderId="0" xfId="0" applyNumberFormat="1" applyFont="1" applyAlignment="1">
      <alignment horizontal="left" vertical="center" wrapText="1"/>
    </xf>
    <xf numFmtId="176" fontId="35" fillId="0" borderId="0" xfId="0" applyNumberFormat="1" applyFont="1" applyBorder="1" applyAlignment="1">
      <alignment horizontal="left" vertical="center" wrapText="1"/>
    </xf>
    <xf numFmtId="176" fontId="35" fillId="0" borderId="0" xfId="0" applyNumberFormat="1" applyFont="1" applyAlignment="1">
      <alignment horizontal="left" vertical="center"/>
    </xf>
    <xf numFmtId="176" fontId="35" fillId="0" borderId="0" xfId="0" applyNumberFormat="1" applyFont="1" applyAlignment="1">
      <alignment horizontal="left" vertical="center" wrapText="1"/>
    </xf>
    <xf numFmtId="180" fontId="35" fillId="0" borderId="0" xfId="0" applyNumberFormat="1" applyFont="1" applyBorder="1" applyAlignment="1">
      <alignment horizontal="left" vertical="center" wrapText="1"/>
    </xf>
    <xf numFmtId="180" fontId="35" fillId="0" borderId="0" xfId="0" applyNumberFormat="1" applyFont="1" applyAlignment="1">
      <alignment horizontal="center" vertical="center"/>
    </xf>
    <xf numFmtId="180" fontId="35" fillId="0" borderId="0" xfId="0" applyNumberFormat="1" applyFont="1" applyAlignment="1">
      <alignment horizontal="left" vertical="center" wrapText="1"/>
    </xf>
    <xf numFmtId="180" fontId="35" fillId="0" borderId="0" xfId="0" applyNumberFormat="1" applyFont="1" applyBorder="1" applyAlignment="1">
      <alignment horizontal="center" vertical="center"/>
    </xf>
    <xf numFmtId="176" fontId="57" fillId="0" borderId="0" xfId="0" applyNumberFormat="1" applyFont="1" applyAlignment="1">
      <alignment horizontal="left" vertical="center" wrapText="1"/>
    </xf>
    <xf numFmtId="176" fontId="47" fillId="0" borderId="0" xfId="0" applyNumberFormat="1" applyFont="1" applyAlignment="1">
      <alignment horizontal="center" vertical="center"/>
    </xf>
    <xf numFmtId="176" fontId="36" fillId="8" borderId="24" xfId="0" applyNumberFormat="1" applyFont="1" applyFill="1" applyBorder="1" applyAlignment="1">
      <alignment horizontal="center" vertical="center" wrapText="1"/>
    </xf>
    <xf numFmtId="0" fontId="35" fillId="2" borderId="0" xfId="0" applyFont="1" applyFill="1" applyProtection="1">
      <alignment vertical="center"/>
    </xf>
    <xf numFmtId="0" fontId="0" fillId="0" borderId="0" xfId="0" applyProtection="1">
      <alignment vertical="center"/>
    </xf>
    <xf numFmtId="0" fontId="35" fillId="6" borderId="0" xfId="0" applyFont="1" applyFill="1" applyProtection="1">
      <alignment vertical="center"/>
    </xf>
    <xf numFmtId="0" fontId="35" fillId="2" borderId="0" xfId="0" applyFont="1" applyFill="1" applyAlignment="1" applyProtection="1">
      <alignment vertical="center"/>
    </xf>
    <xf numFmtId="0" fontId="0" fillId="0" borderId="0" xfId="0" applyBorder="1" applyProtection="1">
      <alignment vertical="center"/>
    </xf>
    <xf numFmtId="0" fontId="37" fillId="2" borderId="0" xfId="0" applyFont="1" applyFill="1" applyBorder="1" applyAlignment="1" applyProtection="1">
      <alignment horizontal="left" vertical="center" wrapText="1"/>
    </xf>
    <xf numFmtId="0" fontId="38" fillId="2" borderId="0" xfId="0" applyFont="1" applyFill="1" applyBorder="1" applyAlignment="1" applyProtection="1">
      <alignment horizontal="left" vertical="center" wrapText="1"/>
    </xf>
    <xf numFmtId="0" fontId="36" fillId="7" borderId="0" xfId="0" applyFont="1" applyFill="1" applyProtection="1">
      <alignment vertical="center"/>
    </xf>
    <xf numFmtId="0" fontId="35" fillId="7" borderId="0" xfId="0" applyFont="1" applyFill="1" applyProtection="1">
      <alignment vertical="center"/>
    </xf>
    <xf numFmtId="0" fontId="36" fillId="2" borderId="0" xfId="0" applyFont="1" applyFill="1" applyAlignment="1" applyProtection="1">
      <alignment horizontal="left" vertical="center"/>
    </xf>
    <xf numFmtId="0" fontId="42" fillId="2" borderId="0" xfId="0" applyFont="1" applyFill="1" applyAlignment="1" applyProtection="1">
      <alignment horizontal="left" vertical="center" indent="1"/>
    </xf>
    <xf numFmtId="0" fontId="35" fillId="2" borderId="0" xfId="0" applyFont="1" applyFill="1" applyAlignment="1" applyProtection="1">
      <alignment horizontal="left" vertical="center"/>
    </xf>
    <xf numFmtId="0" fontId="39" fillId="2" borderId="0" xfId="0" applyFont="1" applyFill="1" applyBorder="1" applyAlignment="1" applyProtection="1">
      <alignment horizontal="left" vertical="center"/>
    </xf>
    <xf numFmtId="0" fontId="39" fillId="2" borderId="16" xfId="0" applyFont="1" applyFill="1" applyBorder="1" applyProtection="1">
      <alignment vertical="center"/>
    </xf>
    <xf numFmtId="0" fontId="39" fillId="2" borderId="19" xfId="0" applyFont="1" applyFill="1" applyBorder="1" applyAlignment="1" applyProtection="1">
      <alignment vertical="center"/>
    </xf>
    <xf numFmtId="0" fontId="39" fillId="2" borderId="19" xfId="0" applyFont="1" applyFill="1" applyBorder="1" applyProtection="1">
      <alignment vertical="center"/>
    </xf>
    <xf numFmtId="0" fontId="39" fillId="2" borderId="20" xfId="0" applyFont="1" applyFill="1" applyBorder="1" applyProtection="1">
      <alignment vertical="center"/>
    </xf>
    <xf numFmtId="0" fontId="35" fillId="0" borderId="0" xfId="0" applyFont="1" applyProtection="1">
      <alignment vertical="center"/>
    </xf>
    <xf numFmtId="0" fontId="35" fillId="0" borderId="0" xfId="0" applyFont="1" applyFill="1" applyAlignment="1" applyProtection="1">
      <alignment horizontal="center" vertical="center"/>
    </xf>
    <xf numFmtId="0" fontId="35" fillId="0" borderId="0" xfId="0" applyFont="1" applyFill="1" applyAlignment="1" applyProtection="1">
      <alignment horizontal="center" vertical="center" wrapText="1"/>
    </xf>
    <xf numFmtId="0" fontId="35" fillId="0" borderId="0" xfId="0" applyFont="1" applyFill="1" applyAlignment="1" applyProtection="1">
      <alignment horizontal="left" vertical="center" wrapText="1"/>
    </xf>
    <xf numFmtId="0" fontId="35" fillId="0" borderId="0" xfId="0" applyFont="1" applyFill="1" applyProtection="1">
      <alignment vertical="center"/>
    </xf>
    <xf numFmtId="0" fontId="42" fillId="0" borderId="0" xfId="0" applyFont="1" applyFill="1" applyProtection="1">
      <alignment vertical="center"/>
    </xf>
    <xf numFmtId="0" fontId="35" fillId="0" borderId="7" xfId="0" applyFont="1" applyBorder="1" applyAlignment="1" applyProtection="1">
      <alignment horizontal="center" vertical="center"/>
    </xf>
    <xf numFmtId="0" fontId="35" fillId="0" borderId="7" xfId="0" applyFont="1" applyBorder="1" applyAlignment="1" applyProtection="1">
      <alignment vertical="center" wrapText="1"/>
    </xf>
    <xf numFmtId="0" fontId="35" fillId="0" borderId="1" xfId="0" applyFont="1" applyFill="1" applyBorder="1" applyAlignment="1" applyProtection="1">
      <alignment horizontal="center" vertical="center" wrapText="1"/>
    </xf>
    <xf numFmtId="0" fontId="35" fillId="0" borderId="1" xfId="0" applyFont="1" applyFill="1" applyBorder="1" applyAlignment="1" applyProtection="1">
      <alignment horizontal="center" vertical="center"/>
    </xf>
    <xf numFmtId="0" fontId="35" fillId="0" borderId="4" xfId="0" applyFont="1" applyFill="1" applyBorder="1" applyAlignment="1" applyProtection="1">
      <alignment vertical="center" wrapText="1"/>
    </xf>
    <xf numFmtId="0" fontId="35" fillId="0" borderId="0" xfId="0" applyFont="1" applyFill="1" applyBorder="1" applyAlignment="1" applyProtection="1">
      <alignment vertical="center" wrapText="1"/>
    </xf>
    <xf numFmtId="0" fontId="49" fillId="0" borderId="0" xfId="0" applyFont="1" applyFill="1" applyProtection="1">
      <alignment vertical="center"/>
    </xf>
    <xf numFmtId="0" fontId="42" fillId="0" borderId="0" xfId="0" applyFont="1" applyFill="1" applyBorder="1" applyAlignment="1" applyProtection="1">
      <alignment horizontal="left" vertical="center" wrapText="1"/>
    </xf>
    <xf numFmtId="0" fontId="51" fillId="0" borderId="0" xfId="0" applyFont="1" applyProtection="1">
      <alignment vertical="center"/>
    </xf>
    <xf numFmtId="0" fontId="35" fillId="3" borderId="7" xfId="0" applyFont="1" applyFill="1" applyBorder="1" applyAlignment="1" applyProtection="1">
      <alignment horizontal="center" vertical="center" wrapText="1"/>
      <protection locked="0"/>
    </xf>
    <xf numFmtId="176" fontId="35" fillId="3" borderId="15" xfId="0" applyNumberFormat="1" applyFont="1" applyFill="1" applyBorder="1" applyAlignment="1" applyProtection="1">
      <alignment horizontal="center" vertical="center"/>
      <protection locked="0"/>
    </xf>
    <xf numFmtId="38" fontId="47" fillId="3" borderId="15" xfId="1" applyFont="1" applyFill="1" applyBorder="1" applyAlignment="1" applyProtection="1">
      <alignment horizontal="right" vertical="center"/>
      <protection locked="0"/>
    </xf>
    <xf numFmtId="38" fontId="43" fillId="3" borderId="15" xfId="1" applyFont="1" applyFill="1" applyBorder="1" applyAlignment="1" applyProtection="1">
      <alignment horizontal="right" vertical="center" wrapText="1"/>
      <protection locked="0"/>
    </xf>
    <xf numFmtId="176" fontId="60" fillId="3" borderId="41" xfId="0" applyNumberFormat="1" applyFont="1" applyFill="1" applyBorder="1" applyAlignment="1" applyProtection="1">
      <alignment horizontal="left" vertical="center" wrapText="1"/>
      <protection locked="0"/>
    </xf>
    <xf numFmtId="176" fontId="60" fillId="3" borderId="29" xfId="0" applyNumberFormat="1" applyFont="1" applyFill="1" applyBorder="1" applyAlignment="1" applyProtection="1">
      <alignment horizontal="left" vertical="center" wrapText="1"/>
      <protection locked="0"/>
    </xf>
    <xf numFmtId="176" fontId="60" fillId="3" borderId="43" xfId="0" applyNumberFormat="1" applyFont="1" applyFill="1" applyBorder="1" applyAlignment="1" applyProtection="1">
      <alignment horizontal="left" vertical="center" wrapText="1"/>
      <protection locked="0"/>
    </xf>
    <xf numFmtId="176" fontId="60" fillId="3" borderId="27" xfId="0" applyNumberFormat="1" applyFont="1" applyFill="1" applyBorder="1" applyAlignment="1" applyProtection="1">
      <alignment horizontal="left" vertical="center" wrapText="1"/>
      <protection locked="0"/>
    </xf>
    <xf numFmtId="176" fontId="57" fillId="3" borderId="8" xfId="0" applyNumberFormat="1" applyFont="1" applyFill="1" applyBorder="1" applyAlignment="1" applyProtection="1">
      <alignment horizontal="right" vertical="center"/>
      <protection locked="0"/>
    </xf>
    <xf numFmtId="38" fontId="57" fillId="3" borderId="8" xfId="1" applyFont="1" applyFill="1" applyBorder="1" applyAlignment="1" applyProtection="1">
      <alignment horizontal="right" vertical="center"/>
      <protection locked="0"/>
    </xf>
    <xf numFmtId="176" fontId="57" fillId="3" borderId="2" xfId="0" applyNumberFormat="1" applyFont="1" applyFill="1" applyBorder="1" applyAlignment="1" applyProtection="1">
      <alignment horizontal="right" vertical="center"/>
      <protection locked="0"/>
    </xf>
    <xf numFmtId="38" fontId="57" fillId="3" borderId="2" xfId="1" applyFont="1" applyFill="1" applyBorder="1" applyAlignment="1" applyProtection="1">
      <alignment horizontal="right" vertical="center"/>
      <protection locked="0"/>
    </xf>
    <xf numFmtId="176" fontId="57" fillId="3" borderId="44" xfId="0" applyNumberFormat="1" applyFont="1" applyFill="1" applyBorder="1" applyAlignment="1" applyProtection="1">
      <alignment horizontal="right" vertical="center"/>
      <protection locked="0"/>
    </xf>
    <xf numFmtId="38" fontId="57" fillId="3" borderId="44" xfId="1" applyFont="1" applyFill="1" applyBorder="1" applyAlignment="1" applyProtection="1">
      <alignment horizontal="right" vertical="center"/>
      <protection locked="0"/>
    </xf>
    <xf numFmtId="38" fontId="43" fillId="3" borderId="15" xfId="1" applyFont="1" applyFill="1" applyBorder="1" applyAlignment="1" applyProtection="1">
      <alignment horizontal="right" vertical="center"/>
      <protection locked="0"/>
    </xf>
    <xf numFmtId="187" fontId="35" fillId="3" borderId="1" xfId="0" applyNumberFormat="1" applyFont="1" applyFill="1" applyBorder="1" applyAlignment="1" applyProtection="1">
      <alignment horizontal="right" vertical="center"/>
      <protection locked="0"/>
    </xf>
    <xf numFmtId="187" fontId="35" fillId="3" borderId="3" xfId="0" applyNumberFormat="1" applyFont="1" applyFill="1" applyBorder="1" applyAlignment="1" applyProtection="1">
      <alignment horizontal="right" vertical="center"/>
      <protection locked="0"/>
    </xf>
    <xf numFmtId="187" fontId="35" fillId="3" borderId="44" xfId="0" applyNumberFormat="1" applyFont="1" applyFill="1" applyBorder="1" applyAlignment="1" applyProtection="1">
      <alignment horizontal="right" vertical="center"/>
      <protection locked="0"/>
    </xf>
    <xf numFmtId="176" fontId="35" fillId="3" borderId="62" xfId="0" applyNumberFormat="1" applyFont="1" applyFill="1" applyBorder="1" applyAlignment="1" applyProtection="1">
      <alignment horizontal="center" vertical="center" wrapText="1"/>
      <protection locked="0"/>
    </xf>
    <xf numFmtId="176" fontId="57" fillId="3" borderId="1" xfId="0" applyNumberFormat="1" applyFont="1" applyFill="1" applyBorder="1" applyAlignment="1" applyProtection="1">
      <alignment horizontal="right" vertical="center"/>
      <protection locked="0"/>
    </xf>
    <xf numFmtId="38" fontId="57" fillId="3" borderId="1" xfId="1" applyFont="1" applyFill="1" applyBorder="1" applyAlignment="1" applyProtection="1">
      <alignment horizontal="right" vertical="center"/>
      <protection locked="0"/>
    </xf>
    <xf numFmtId="176" fontId="60" fillId="3" borderId="41" xfId="0" applyNumberFormat="1" applyFont="1" applyFill="1" applyBorder="1" applyAlignment="1" applyProtection="1">
      <alignment horizontal="left" vertical="center" wrapText="1" shrinkToFit="1"/>
      <protection locked="0"/>
    </xf>
    <xf numFmtId="176" fontId="43" fillId="3" borderId="1" xfId="0" applyNumberFormat="1" applyFont="1" applyFill="1" applyBorder="1" applyAlignment="1" applyProtection="1">
      <alignment horizontal="right" vertical="center"/>
      <protection locked="0"/>
    </xf>
    <xf numFmtId="38" fontId="43" fillId="3" borderId="1" xfId="1" applyFont="1" applyFill="1" applyBorder="1" applyAlignment="1" applyProtection="1">
      <alignment horizontal="right" vertical="center"/>
      <protection locked="0"/>
    </xf>
    <xf numFmtId="176" fontId="60" fillId="3" borderId="29" xfId="0" applyNumberFormat="1" applyFont="1" applyFill="1" applyBorder="1" applyAlignment="1" applyProtection="1">
      <alignment horizontal="left" vertical="center" wrapText="1" shrinkToFit="1"/>
      <protection locked="0"/>
    </xf>
    <xf numFmtId="176" fontId="43" fillId="3" borderId="2" xfId="0" applyNumberFormat="1" applyFont="1" applyFill="1" applyBorder="1" applyAlignment="1" applyProtection="1">
      <alignment horizontal="right" vertical="center"/>
      <protection locked="0"/>
    </xf>
    <xf numFmtId="38" fontId="43" fillId="3" borderId="2" xfId="1" applyFont="1" applyFill="1" applyBorder="1" applyAlignment="1" applyProtection="1">
      <alignment horizontal="right" vertical="center"/>
      <protection locked="0"/>
    </xf>
    <xf numFmtId="176" fontId="60" fillId="3" borderId="43" xfId="0" applyNumberFormat="1" applyFont="1" applyFill="1" applyBorder="1" applyAlignment="1" applyProtection="1">
      <alignment horizontal="left" vertical="center" wrapText="1" shrinkToFit="1"/>
      <protection locked="0"/>
    </xf>
    <xf numFmtId="176" fontId="43" fillId="3" borderId="44" xfId="0" applyNumberFormat="1" applyFont="1" applyFill="1" applyBorder="1" applyAlignment="1" applyProtection="1">
      <alignment horizontal="right" vertical="center"/>
      <protection locked="0"/>
    </xf>
    <xf numFmtId="38" fontId="43" fillId="3" borderId="44" xfId="1" applyFont="1" applyFill="1" applyBorder="1" applyAlignment="1" applyProtection="1">
      <alignment horizontal="right" vertical="center"/>
      <protection locked="0"/>
    </xf>
    <xf numFmtId="176" fontId="60" fillId="3" borderId="27" xfId="0" applyNumberFormat="1" applyFont="1" applyFill="1" applyBorder="1" applyAlignment="1" applyProtection="1">
      <alignment horizontal="left" vertical="center" wrapText="1" shrinkToFit="1"/>
      <protection locked="0"/>
    </xf>
    <xf numFmtId="176" fontId="43" fillId="3" borderId="8" xfId="0" applyNumberFormat="1" applyFont="1" applyFill="1" applyBorder="1" applyAlignment="1" applyProtection="1">
      <alignment horizontal="right" vertical="center"/>
      <protection locked="0"/>
    </xf>
    <xf numFmtId="38" fontId="43" fillId="3" borderId="8" xfId="1" applyFont="1" applyFill="1" applyBorder="1" applyAlignment="1" applyProtection="1">
      <alignment horizontal="right" vertical="center"/>
      <protection locked="0"/>
    </xf>
    <xf numFmtId="38" fontId="4" fillId="3" borderId="67" xfId="9" applyFont="1" applyFill="1" applyBorder="1" applyAlignment="1" applyProtection="1">
      <alignment vertical="center" wrapText="1"/>
      <protection locked="0"/>
    </xf>
    <xf numFmtId="38" fontId="4" fillId="3" borderId="68" xfId="9" applyFont="1" applyFill="1" applyBorder="1" applyAlignment="1" applyProtection="1">
      <alignment vertical="center" wrapText="1"/>
      <protection locked="0"/>
    </xf>
    <xf numFmtId="38" fontId="5" fillId="3" borderId="67" xfId="9" applyFont="1" applyFill="1" applyBorder="1" applyAlignment="1" applyProtection="1">
      <alignment vertical="center" wrapText="1"/>
      <protection locked="0"/>
    </xf>
    <xf numFmtId="38" fontId="5" fillId="3" borderId="67" xfId="9" applyFont="1" applyFill="1" applyBorder="1" applyAlignment="1" applyProtection="1">
      <alignment vertical="center"/>
      <protection locked="0"/>
    </xf>
    <xf numFmtId="38" fontId="5" fillId="3" borderId="68" xfId="9" applyFont="1" applyFill="1" applyBorder="1" applyAlignment="1" applyProtection="1">
      <alignment vertical="center" wrapText="1"/>
      <protection locked="0"/>
    </xf>
    <xf numFmtId="38" fontId="5" fillId="3" borderId="68" xfId="9" applyFont="1" applyFill="1" applyBorder="1" applyAlignment="1" applyProtection="1">
      <alignment vertical="center"/>
      <protection locked="0"/>
    </xf>
    <xf numFmtId="38" fontId="4" fillId="3" borderId="67" xfId="9" applyFont="1" applyFill="1" applyBorder="1" applyAlignment="1" applyProtection="1">
      <alignment horizontal="left" vertical="center" wrapText="1"/>
      <protection locked="0"/>
    </xf>
    <xf numFmtId="38" fontId="4" fillId="3" borderId="68" xfId="9" applyFont="1" applyFill="1" applyBorder="1" applyAlignment="1" applyProtection="1">
      <alignment horizontal="left" vertical="center" wrapText="1"/>
      <protection locked="0"/>
    </xf>
    <xf numFmtId="38" fontId="5" fillId="3" borderId="67" xfId="9" applyFont="1" applyFill="1" applyBorder="1" applyAlignment="1" applyProtection="1">
      <alignment horizontal="right" vertical="center" wrapText="1"/>
      <protection locked="0"/>
    </xf>
    <xf numFmtId="38" fontId="5" fillId="3" borderId="68" xfId="9" applyFont="1" applyFill="1" applyBorder="1" applyAlignment="1" applyProtection="1">
      <alignment horizontal="right" vertical="center" wrapText="1"/>
      <protection locked="0"/>
    </xf>
    <xf numFmtId="0" fontId="0" fillId="0" borderId="0" xfId="0" applyFont="1" applyProtection="1">
      <alignment vertical="center"/>
    </xf>
    <xf numFmtId="0" fontId="0" fillId="0" borderId="0" xfId="0" applyFont="1" applyAlignment="1" applyProtection="1">
      <alignment vertical="center"/>
    </xf>
    <xf numFmtId="0" fontId="16" fillId="0" borderId="0" xfId="0" applyFont="1" applyAlignment="1" applyProtection="1">
      <alignment horizontal="left" vertical="center"/>
    </xf>
    <xf numFmtId="0" fontId="12" fillId="0" borderId="0" xfId="0" applyFont="1" applyProtection="1">
      <alignment vertical="center"/>
    </xf>
    <xf numFmtId="0" fontId="16" fillId="0" borderId="0" xfId="0" applyFont="1" applyProtection="1">
      <alignment vertical="center"/>
    </xf>
    <xf numFmtId="0" fontId="12" fillId="0" borderId="0" xfId="0" applyFont="1" applyFill="1" applyProtection="1">
      <alignment vertical="center"/>
    </xf>
    <xf numFmtId="0" fontId="0" fillId="0" borderId="0" xfId="0" applyFont="1" applyFill="1" applyProtection="1">
      <alignment vertical="center"/>
    </xf>
    <xf numFmtId="0" fontId="16" fillId="0" borderId="0" xfId="0" applyFont="1" applyFill="1" applyAlignment="1" applyProtection="1">
      <alignment vertical="center"/>
    </xf>
    <xf numFmtId="0" fontId="0" fillId="0" borderId="0" xfId="0" applyFont="1" applyFill="1" applyAlignment="1" applyProtection="1">
      <alignment vertical="center"/>
    </xf>
    <xf numFmtId="0" fontId="23" fillId="0" borderId="0" xfId="0" applyFont="1" applyProtection="1">
      <alignment vertical="center"/>
    </xf>
    <xf numFmtId="49" fontId="72" fillId="0" borderId="0" xfId="10" applyNumberFormat="1" applyFont="1" applyAlignment="1">
      <alignment vertical="center"/>
    </xf>
    <xf numFmtId="49" fontId="72" fillId="0" borderId="0" xfId="10" applyNumberFormat="1" applyFont="1" applyAlignment="1">
      <alignment horizontal="right" vertical="center"/>
    </xf>
    <xf numFmtId="49" fontId="72" fillId="0" borderId="0" xfId="10" applyNumberFormat="1" applyFont="1" applyFill="1" applyBorder="1" applyAlignment="1">
      <alignment vertical="center"/>
    </xf>
    <xf numFmtId="49" fontId="72" fillId="4" borderId="13" xfId="10" applyNumberFormat="1" applyFont="1" applyFill="1" applyBorder="1" applyAlignment="1">
      <alignment vertical="center"/>
    </xf>
    <xf numFmtId="49" fontId="72" fillId="4" borderId="89" xfId="10" applyNumberFormat="1" applyFont="1" applyFill="1" applyBorder="1" applyAlignment="1">
      <alignment vertical="center"/>
    </xf>
    <xf numFmtId="49" fontId="72" fillId="4" borderId="9" xfId="10" applyNumberFormat="1" applyFont="1" applyFill="1" applyBorder="1" applyAlignment="1">
      <alignment vertical="center"/>
    </xf>
    <xf numFmtId="49" fontId="24" fillId="0" borderId="0" xfId="10" applyNumberFormat="1" applyFont="1" applyAlignment="1">
      <alignment vertical="center"/>
    </xf>
    <xf numFmtId="49" fontId="72" fillId="0" borderId="13" xfId="10" applyNumberFormat="1" applyFont="1" applyBorder="1" applyAlignment="1">
      <alignment horizontal="right" vertical="center"/>
    </xf>
    <xf numFmtId="49" fontId="72" fillId="0" borderId="9" xfId="10" applyNumberFormat="1" applyFont="1" applyBorder="1" applyAlignment="1">
      <alignment horizontal="right" vertical="center"/>
    </xf>
    <xf numFmtId="49" fontId="72" fillId="0" borderId="89" xfId="10" applyNumberFormat="1" applyFont="1" applyBorder="1" applyAlignment="1">
      <alignment horizontal="right" vertical="center"/>
    </xf>
    <xf numFmtId="49" fontId="4" fillId="0" borderId="0" xfId="10" applyNumberFormat="1" applyFont="1" applyAlignment="1">
      <alignment vertical="center"/>
    </xf>
    <xf numFmtId="49" fontId="73" fillId="0" borderId="0" xfId="10" applyNumberFormat="1" applyFont="1" applyAlignment="1">
      <alignment vertical="center"/>
    </xf>
    <xf numFmtId="38" fontId="73" fillId="0" borderId="0" xfId="11" applyFont="1" applyFill="1" applyBorder="1" applyAlignment="1">
      <alignment horizontal="right" vertical="center"/>
    </xf>
    <xf numFmtId="38" fontId="73" fillId="0" borderId="0" xfId="11" applyFont="1" applyFill="1" applyBorder="1" applyAlignment="1">
      <alignment vertical="center"/>
    </xf>
    <xf numFmtId="38" fontId="4" fillId="0" borderId="0" xfId="11" applyFont="1" applyFill="1" applyBorder="1" applyAlignment="1">
      <alignment vertical="center"/>
    </xf>
    <xf numFmtId="49" fontId="4" fillId="0" borderId="0" xfId="10" applyNumberFormat="1" applyFont="1" applyAlignment="1">
      <alignment vertical="center" shrinkToFit="1"/>
    </xf>
    <xf numFmtId="49" fontId="72" fillId="0" borderId="0" xfId="10" applyNumberFormat="1" applyFont="1" applyFill="1" applyAlignment="1">
      <alignment vertical="center"/>
    </xf>
    <xf numFmtId="49" fontId="72" fillId="0" borderId="0" xfId="10" applyNumberFormat="1" applyFont="1" applyFill="1" applyBorder="1" applyAlignment="1">
      <alignment horizontal="center" vertical="center"/>
    </xf>
    <xf numFmtId="0" fontId="4" fillId="4" borderId="15" xfId="10" applyNumberFormat="1" applyFont="1" applyFill="1" applyBorder="1" applyAlignment="1">
      <alignment horizontal="center" vertical="center"/>
    </xf>
    <xf numFmtId="176" fontId="42" fillId="0" borderId="0" xfId="0" applyNumberFormat="1" applyFont="1" applyAlignment="1">
      <alignment horizontal="left" vertical="center" wrapText="1"/>
    </xf>
    <xf numFmtId="176" fontId="45" fillId="0" borderId="0" xfId="0" applyNumberFormat="1" applyFont="1" applyAlignment="1">
      <alignment horizontal="left" vertical="center" wrapText="1"/>
    </xf>
    <xf numFmtId="176" fontId="43" fillId="0" borderId="0" xfId="0" applyNumberFormat="1" applyFont="1" applyAlignment="1">
      <alignment horizontal="left" vertical="center" wrapText="1"/>
    </xf>
    <xf numFmtId="176" fontId="36" fillId="0" borderId="0" xfId="0" applyNumberFormat="1" applyFont="1" applyAlignment="1">
      <alignment horizontal="left" vertical="center" wrapText="1"/>
    </xf>
    <xf numFmtId="176" fontId="36" fillId="0" borderId="0" xfId="0" applyNumberFormat="1" applyFont="1" applyBorder="1" applyAlignment="1">
      <alignment horizontal="left" vertical="center" wrapText="1"/>
    </xf>
    <xf numFmtId="176" fontId="35" fillId="0" borderId="0" xfId="0" applyNumberFormat="1" applyFont="1" applyAlignment="1">
      <alignment horizontal="left" vertical="center"/>
    </xf>
    <xf numFmtId="176" fontId="35" fillId="0" borderId="0" xfId="0" applyNumberFormat="1" applyFont="1" applyAlignment="1">
      <alignment horizontal="left" vertical="center" wrapText="1"/>
    </xf>
    <xf numFmtId="176" fontId="35" fillId="0" borderId="0" xfId="0" applyNumberFormat="1" applyFont="1" applyBorder="1" applyAlignment="1">
      <alignment horizontal="left" vertical="center" wrapText="1"/>
    </xf>
    <xf numFmtId="176" fontId="41" fillId="0" borderId="0" xfId="0" applyNumberFormat="1" applyFont="1" applyAlignment="1">
      <alignment horizontal="center" vertical="center"/>
    </xf>
    <xf numFmtId="180" fontId="35" fillId="0" borderId="1" xfId="0" applyNumberFormat="1" applyFont="1" applyBorder="1" applyAlignment="1">
      <alignment horizontal="center" vertical="center" wrapText="1"/>
    </xf>
    <xf numFmtId="180" fontId="35" fillId="0" borderId="44" xfId="0" applyNumberFormat="1" applyFont="1" applyBorder="1" applyAlignment="1">
      <alignment horizontal="center" vertical="center" wrapText="1"/>
    </xf>
    <xf numFmtId="180" fontId="35" fillId="0" borderId="0" xfId="0" applyNumberFormat="1" applyFont="1" applyBorder="1" applyAlignment="1">
      <alignment horizontal="center" vertical="center"/>
    </xf>
    <xf numFmtId="176" fontId="57" fillId="0" borderId="0" xfId="0" applyNumberFormat="1" applyFont="1" applyAlignment="1">
      <alignment horizontal="left" vertical="center" wrapText="1"/>
    </xf>
    <xf numFmtId="176" fontId="36" fillId="8" borderId="25" xfId="0" applyNumberFormat="1" applyFont="1" applyFill="1" applyBorder="1" applyAlignment="1">
      <alignment horizontal="center" vertical="center" wrapText="1"/>
    </xf>
    <xf numFmtId="176" fontId="35" fillId="0" borderId="1" xfId="0" applyNumberFormat="1" applyFont="1" applyBorder="1" applyAlignment="1">
      <alignment horizontal="center" vertical="center" wrapText="1"/>
    </xf>
    <xf numFmtId="176" fontId="36" fillId="8" borderId="23" xfId="0" applyNumberFormat="1" applyFont="1" applyFill="1" applyBorder="1" applyAlignment="1" applyProtection="1">
      <alignment horizontal="center" vertical="center"/>
    </xf>
    <xf numFmtId="176" fontId="35" fillId="0" borderId="44" xfId="0" applyNumberFormat="1" applyFont="1" applyBorder="1" applyAlignment="1">
      <alignment horizontal="center" vertical="center" wrapText="1"/>
    </xf>
    <xf numFmtId="176" fontId="35" fillId="3" borderId="41" xfId="0" applyNumberFormat="1" applyFont="1" applyFill="1" applyBorder="1" applyAlignment="1" applyProtection="1">
      <alignment horizontal="center" vertical="center"/>
      <protection locked="0"/>
    </xf>
    <xf numFmtId="176" fontId="35" fillId="3" borderId="43" xfId="0" applyNumberFormat="1" applyFont="1" applyFill="1" applyBorder="1" applyAlignment="1" applyProtection="1">
      <alignment horizontal="center" vertical="center"/>
      <protection locked="0"/>
    </xf>
    <xf numFmtId="38" fontId="57" fillId="0" borderId="0" xfId="1" applyFont="1" applyBorder="1" applyAlignment="1">
      <alignment horizontal="right" vertical="center" shrinkToFit="1"/>
    </xf>
    <xf numFmtId="38" fontId="43" fillId="0" borderId="0" xfId="1" applyFont="1" applyBorder="1" applyAlignment="1">
      <alignment horizontal="right" vertical="center"/>
    </xf>
    <xf numFmtId="176" fontId="45" fillId="8" borderId="25" xfId="0" applyNumberFormat="1" applyFont="1" applyFill="1" applyBorder="1" applyAlignment="1">
      <alignment horizontal="center" vertical="center" wrapText="1"/>
    </xf>
    <xf numFmtId="176" fontId="60" fillId="3" borderId="1" xfId="0" applyNumberFormat="1" applyFont="1" applyFill="1" applyBorder="1" applyAlignment="1" applyProtection="1">
      <alignment horizontal="right" vertical="center" shrinkToFit="1"/>
      <protection locked="0"/>
    </xf>
    <xf numFmtId="38" fontId="60" fillId="3" borderId="1" xfId="1" applyFont="1" applyFill="1" applyBorder="1" applyAlignment="1" applyProtection="1">
      <alignment horizontal="right" vertical="center" shrinkToFit="1"/>
      <protection locked="0"/>
    </xf>
    <xf numFmtId="38" fontId="60" fillId="0" borderId="6" xfId="1" applyFont="1" applyFill="1" applyBorder="1" applyAlignment="1">
      <alignment horizontal="right" vertical="center" shrinkToFit="1"/>
    </xf>
    <xf numFmtId="176" fontId="60" fillId="3" borderId="2" xfId="0" applyNumberFormat="1" applyFont="1" applyFill="1" applyBorder="1" applyAlignment="1" applyProtection="1">
      <alignment horizontal="right" vertical="center" shrinkToFit="1"/>
      <protection locked="0"/>
    </xf>
    <xf numFmtId="38" fontId="60" fillId="3" borderId="2" xfId="1" applyFont="1" applyFill="1" applyBorder="1" applyAlignment="1" applyProtection="1">
      <alignment horizontal="right" vertical="center" shrinkToFit="1"/>
      <protection locked="0"/>
    </xf>
    <xf numFmtId="176" fontId="60" fillId="3" borderId="44" xfId="0" applyNumberFormat="1" applyFont="1" applyFill="1" applyBorder="1" applyAlignment="1" applyProtection="1">
      <alignment horizontal="right" vertical="center" shrinkToFit="1"/>
      <protection locked="0"/>
    </xf>
    <xf numFmtId="38" fontId="60" fillId="3" borderId="44" xfId="1" applyFont="1" applyFill="1" applyBorder="1" applyAlignment="1" applyProtection="1">
      <alignment horizontal="right" vertical="center" shrinkToFit="1"/>
      <protection locked="0"/>
    </xf>
    <xf numFmtId="38" fontId="60" fillId="3" borderId="50" xfId="1" applyFont="1" applyFill="1" applyBorder="1" applyAlignment="1" applyProtection="1">
      <alignment horizontal="left" vertical="center" wrapText="1" shrinkToFit="1"/>
      <protection locked="0"/>
    </xf>
    <xf numFmtId="38" fontId="60" fillId="3" borderId="30" xfId="1" applyFont="1" applyFill="1" applyBorder="1" applyAlignment="1" applyProtection="1">
      <alignment horizontal="left" vertical="center" wrapText="1" shrinkToFit="1"/>
      <protection locked="0"/>
    </xf>
    <xf numFmtId="38" fontId="60" fillId="3" borderId="48" xfId="1" applyFont="1" applyFill="1" applyBorder="1" applyAlignment="1" applyProtection="1">
      <alignment horizontal="left" vertical="center" wrapText="1" shrinkToFit="1"/>
      <protection locked="0"/>
    </xf>
    <xf numFmtId="185" fontId="35" fillId="3" borderId="6" xfId="0" applyNumberFormat="1" applyFont="1" applyFill="1" applyBorder="1" applyAlignment="1" applyProtection="1">
      <alignment horizontal="center" vertical="center"/>
      <protection locked="0"/>
    </xf>
    <xf numFmtId="185" fontId="35" fillId="3" borderId="10" xfId="0" applyNumberFormat="1" applyFont="1" applyFill="1" applyBorder="1" applyAlignment="1" applyProtection="1">
      <alignment horizontal="center" vertical="center"/>
      <protection locked="0"/>
    </xf>
    <xf numFmtId="185" fontId="35" fillId="3" borderId="45" xfId="0" applyNumberFormat="1" applyFont="1" applyFill="1" applyBorder="1" applyAlignment="1" applyProtection="1">
      <alignment horizontal="center" vertical="center"/>
      <protection locked="0"/>
    </xf>
    <xf numFmtId="176" fontId="42" fillId="0" borderId="0" xfId="0" applyNumberFormat="1" applyFont="1" applyAlignment="1">
      <alignment vertical="center"/>
    </xf>
    <xf numFmtId="176" fontId="36" fillId="0" borderId="0" xfId="0" applyNumberFormat="1" applyFont="1" applyFill="1" applyBorder="1" applyAlignment="1">
      <alignment horizontal="center" vertical="center" wrapText="1"/>
    </xf>
    <xf numFmtId="176" fontId="35" fillId="0" borderId="0" xfId="0" applyNumberFormat="1" applyFont="1" applyFill="1" applyBorder="1" applyAlignment="1">
      <alignment horizontal="center" vertical="center" wrapText="1"/>
    </xf>
    <xf numFmtId="185" fontId="35" fillId="3" borderId="86" xfId="0" applyNumberFormat="1" applyFont="1" applyFill="1" applyBorder="1" applyAlignment="1" applyProtection="1">
      <alignment horizontal="center" vertical="center"/>
      <protection locked="0"/>
    </xf>
    <xf numFmtId="185" fontId="35" fillId="3" borderId="57" xfId="0" applyNumberFormat="1" applyFont="1" applyFill="1" applyBorder="1" applyAlignment="1" applyProtection="1">
      <alignment horizontal="center" vertical="center"/>
      <protection locked="0"/>
    </xf>
    <xf numFmtId="185" fontId="35" fillId="3" borderId="24" xfId="0" applyNumberFormat="1" applyFont="1" applyFill="1" applyBorder="1" applyAlignment="1" applyProtection="1">
      <alignment horizontal="center" vertical="center"/>
      <protection locked="0"/>
    </xf>
    <xf numFmtId="185" fontId="35" fillId="3" borderId="3" xfId="0" applyNumberFormat="1" applyFont="1" applyFill="1" applyBorder="1" applyAlignment="1" applyProtection="1">
      <alignment horizontal="center" vertical="center"/>
      <protection locked="0"/>
    </xf>
    <xf numFmtId="185" fontId="35" fillId="3" borderId="44" xfId="0" applyNumberFormat="1" applyFont="1" applyFill="1" applyBorder="1" applyAlignment="1" applyProtection="1">
      <alignment horizontal="center" vertical="center"/>
      <protection locked="0"/>
    </xf>
    <xf numFmtId="38" fontId="57" fillId="0" borderId="10" xfId="1" applyFont="1" applyFill="1" applyBorder="1" applyAlignment="1">
      <alignment horizontal="right" vertical="center"/>
    </xf>
    <xf numFmtId="38" fontId="57" fillId="0" borderId="6" xfId="1" applyFont="1" applyFill="1" applyBorder="1" applyAlignment="1">
      <alignment horizontal="right" vertical="center"/>
    </xf>
    <xf numFmtId="38" fontId="57" fillId="3" borderId="66" xfId="1" applyFont="1" applyFill="1" applyBorder="1" applyAlignment="1" applyProtection="1">
      <alignment horizontal="right" vertical="center"/>
      <protection locked="0"/>
    </xf>
    <xf numFmtId="38" fontId="57" fillId="3" borderId="30" xfId="1" applyFont="1" applyFill="1" applyBorder="1" applyAlignment="1" applyProtection="1">
      <alignment horizontal="right" vertical="center"/>
      <protection locked="0"/>
    </xf>
    <xf numFmtId="38" fontId="57" fillId="3" borderId="48" xfId="1" applyFont="1" applyFill="1" applyBorder="1" applyAlignment="1" applyProtection="1">
      <alignment horizontal="right" vertical="center"/>
      <protection locked="0"/>
    </xf>
    <xf numFmtId="176" fontId="60" fillId="3" borderId="1" xfId="0" applyNumberFormat="1" applyFont="1" applyFill="1" applyBorder="1" applyAlignment="1" applyProtection="1">
      <alignment vertical="center" wrapText="1"/>
      <protection locked="0"/>
    </xf>
    <xf numFmtId="176" fontId="60" fillId="3" borderId="44" xfId="0" applyNumberFormat="1" applyFont="1" applyFill="1" applyBorder="1" applyAlignment="1" applyProtection="1">
      <alignment vertical="center" wrapText="1"/>
      <protection locked="0"/>
    </xf>
    <xf numFmtId="176" fontId="45" fillId="8" borderId="24" xfId="0" applyNumberFormat="1" applyFont="1" applyFill="1" applyBorder="1" applyAlignment="1">
      <alignment horizontal="center" vertical="center"/>
    </xf>
    <xf numFmtId="176" fontId="60" fillId="3" borderId="3" xfId="0" applyNumberFormat="1" applyFont="1" applyFill="1" applyBorder="1" applyAlignment="1" applyProtection="1">
      <alignment vertical="center" wrapText="1"/>
      <protection locked="0"/>
    </xf>
    <xf numFmtId="38" fontId="35" fillId="0" borderId="60" xfId="1" applyFont="1" applyBorder="1" applyAlignment="1">
      <alignment vertical="center"/>
    </xf>
    <xf numFmtId="180" fontId="35" fillId="0" borderId="44" xfId="0" applyNumberFormat="1" applyFont="1" applyBorder="1" applyAlignment="1">
      <alignment horizontal="center" vertical="center"/>
    </xf>
    <xf numFmtId="180" fontId="41" fillId="0" borderId="0" xfId="0" applyNumberFormat="1" applyFont="1" applyAlignment="1">
      <alignment horizontal="centerContinuous" vertical="center"/>
    </xf>
    <xf numFmtId="0" fontId="35" fillId="0" borderId="0" xfId="0" applyFont="1" applyAlignment="1">
      <alignment horizontal="centerContinuous" vertical="center"/>
    </xf>
    <xf numFmtId="180" fontId="52" fillId="0" borderId="0" xfId="0" applyNumberFormat="1" applyFont="1" applyAlignment="1">
      <alignment horizontal="centerContinuous" vertical="center"/>
    </xf>
    <xf numFmtId="180" fontId="36" fillId="0" borderId="38" xfId="0" applyNumberFormat="1" applyFont="1" applyBorder="1" applyAlignment="1">
      <alignment vertical="center"/>
    </xf>
    <xf numFmtId="180" fontId="36" fillId="0" borderId="0" xfId="0" applyNumberFormat="1" applyFont="1" applyAlignment="1">
      <alignment vertical="center"/>
    </xf>
    <xf numFmtId="176" fontId="43" fillId="0" borderId="0" xfId="0" applyNumberFormat="1" applyFont="1" applyFill="1" applyBorder="1" applyAlignment="1">
      <alignment horizontal="left" vertical="center"/>
    </xf>
    <xf numFmtId="38" fontId="43" fillId="0" borderId="6" xfId="1" applyFont="1" applyFill="1" applyBorder="1" applyAlignment="1">
      <alignment horizontal="right" vertical="center"/>
    </xf>
    <xf numFmtId="38" fontId="43" fillId="0" borderId="10" xfId="1" applyFont="1" applyFill="1" applyBorder="1" applyAlignment="1">
      <alignment horizontal="right" vertical="center"/>
    </xf>
    <xf numFmtId="38" fontId="43" fillId="0" borderId="44" xfId="1" applyFont="1" applyFill="1" applyBorder="1" applyAlignment="1">
      <alignment horizontal="right" vertical="center"/>
    </xf>
    <xf numFmtId="176" fontId="41" fillId="0" borderId="0" xfId="0" applyNumberFormat="1" applyFont="1" applyAlignment="1">
      <alignment horizontal="centerContinuous" vertical="center"/>
    </xf>
    <xf numFmtId="176" fontId="56" fillId="0" borderId="0" xfId="0" applyNumberFormat="1" applyFont="1" applyAlignment="1">
      <alignment horizontal="centerContinuous" vertical="center"/>
    </xf>
    <xf numFmtId="176" fontId="60" fillId="3" borderId="1" xfId="0" applyNumberFormat="1" applyFont="1" applyFill="1" applyBorder="1" applyAlignment="1" applyProtection="1">
      <alignment horizontal="left" vertical="center" wrapText="1"/>
      <protection locked="0"/>
    </xf>
    <xf numFmtId="176" fontId="60" fillId="3" borderId="44" xfId="0" applyNumberFormat="1" applyFont="1" applyFill="1" applyBorder="1" applyAlignment="1" applyProtection="1">
      <alignment horizontal="left" vertical="center" wrapText="1"/>
      <protection locked="0"/>
    </xf>
    <xf numFmtId="176" fontId="60" fillId="3" borderId="3" xfId="0" applyNumberFormat="1" applyFont="1" applyFill="1" applyBorder="1" applyAlignment="1" applyProtection="1">
      <alignment horizontal="left" vertical="center" wrapText="1"/>
      <protection locked="0"/>
    </xf>
    <xf numFmtId="176" fontId="36" fillId="0" borderId="0" xfId="0" applyNumberFormat="1" applyFont="1" applyBorder="1" applyAlignment="1">
      <alignment horizontal="left" vertical="center"/>
    </xf>
    <xf numFmtId="38" fontId="35" fillId="0" borderId="0" xfId="1" applyFont="1" applyFill="1" applyBorder="1" applyAlignment="1">
      <alignment horizontal="right" vertical="center"/>
    </xf>
    <xf numFmtId="38" fontId="35" fillId="0" borderId="0" xfId="1" applyFont="1" applyBorder="1" applyAlignment="1">
      <alignment horizontal="right" vertical="center" shrinkToFit="1"/>
    </xf>
    <xf numFmtId="176" fontId="36" fillId="0" borderId="38" xfId="0" applyNumberFormat="1" applyFont="1" applyBorder="1" applyAlignment="1">
      <alignment vertical="center"/>
    </xf>
    <xf numFmtId="38" fontId="35" fillId="0" borderId="0" xfId="1" applyFont="1">
      <alignment vertical="center"/>
    </xf>
    <xf numFmtId="49" fontId="72" fillId="0" borderId="1" xfId="10" applyNumberFormat="1" applyFont="1" applyFill="1" applyBorder="1" applyAlignment="1">
      <alignment horizontal="center" vertical="center"/>
    </xf>
    <xf numFmtId="180" fontId="35" fillId="0" borderId="2" xfId="0" applyNumberFormat="1" applyFont="1" applyBorder="1" applyAlignment="1">
      <alignment horizontal="center" vertical="center" wrapText="1"/>
    </xf>
    <xf numFmtId="38" fontId="60" fillId="0" borderId="10" xfId="1" applyFont="1" applyFill="1" applyBorder="1" applyAlignment="1">
      <alignment horizontal="right" vertical="center" shrinkToFit="1"/>
    </xf>
    <xf numFmtId="38" fontId="60" fillId="0" borderId="1" xfId="1" applyFont="1" applyFill="1" applyBorder="1" applyAlignment="1">
      <alignment horizontal="right" vertical="center" shrinkToFit="1"/>
    </xf>
    <xf numFmtId="38" fontId="60" fillId="0" borderId="44" xfId="1" applyFont="1" applyFill="1" applyBorder="1" applyAlignment="1">
      <alignment horizontal="right" vertical="center" shrinkToFit="1"/>
    </xf>
    <xf numFmtId="38" fontId="57" fillId="0" borderId="44" xfId="1" applyFont="1" applyFill="1" applyBorder="1" applyAlignment="1">
      <alignment horizontal="right" vertical="center"/>
    </xf>
    <xf numFmtId="0" fontId="81" fillId="0" borderId="0" xfId="0" applyFont="1">
      <alignment vertical="center"/>
    </xf>
    <xf numFmtId="0" fontId="81" fillId="0" borderId="0" xfId="0" applyFont="1" applyAlignment="1">
      <alignment vertical="center" wrapText="1"/>
    </xf>
    <xf numFmtId="0" fontId="81" fillId="0" borderId="0" xfId="0" applyFont="1" applyAlignment="1">
      <alignment horizontal="left" vertical="center" wrapText="1"/>
    </xf>
    <xf numFmtId="38" fontId="81" fillId="0" borderId="0" xfId="1" applyFont="1">
      <alignment vertical="center"/>
    </xf>
    <xf numFmtId="0" fontId="81" fillId="6" borderId="0" xfId="0" applyFont="1" applyFill="1">
      <alignment vertical="center"/>
    </xf>
    <xf numFmtId="38" fontId="81" fillId="6" borderId="0" xfId="1" applyFont="1" applyFill="1">
      <alignment vertical="center"/>
    </xf>
    <xf numFmtId="0" fontId="35" fillId="2" borderId="11" xfId="0" applyFont="1" applyFill="1" applyBorder="1" applyProtection="1">
      <alignment vertical="center"/>
    </xf>
    <xf numFmtId="0" fontId="82" fillId="2" borderId="11" xfId="0" applyFont="1" applyFill="1" applyBorder="1" applyProtection="1">
      <alignment vertical="center"/>
    </xf>
    <xf numFmtId="0" fontId="39" fillId="2" borderId="11" xfId="0" applyFont="1" applyFill="1" applyBorder="1" applyProtection="1">
      <alignment vertical="center"/>
    </xf>
    <xf numFmtId="0" fontId="0" fillId="0" borderId="0" xfId="0" applyAlignment="1" applyProtection="1">
      <alignment horizontal="left" vertical="top" indent="1"/>
    </xf>
    <xf numFmtId="0" fontId="35" fillId="2" borderId="0" xfId="0" applyFont="1" applyFill="1" applyAlignment="1" applyProtection="1">
      <alignment horizontal="left" vertical="top" indent="1"/>
    </xf>
    <xf numFmtId="183" fontId="29" fillId="0" borderId="0" xfId="13" applyNumberFormat="1">
      <alignment vertical="center"/>
    </xf>
    <xf numFmtId="0" fontId="29" fillId="0" borderId="0" xfId="13" applyAlignment="1">
      <alignment horizontal="center" vertical="top"/>
    </xf>
    <xf numFmtId="38" fontId="29" fillId="0" borderId="0" xfId="1" applyFont="1">
      <alignment vertical="center"/>
    </xf>
    <xf numFmtId="38" fontId="57" fillId="3" borderId="8" xfId="1" applyFont="1" applyFill="1" applyBorder="1" applyAlignment="1" applyProtection="1">
      <alignment horizontal="right" vertical="center" shrinkToFit="1"/>
      <protection locked="0"/>
    </xf>
    <xf numFmtId="38" fontId="57" fillId="3" borderId="2" xfId="1" applyFont="1" applyFill="1" applyBorder="1" applyAlignment="1" applyProtection="1">
      <alignment horizontal="right" vertical="center" shrinkToFit="1"/>
      <protection locked="0"/>
    </xf>
    <xf numFmtId="38" fontId="57" fillId="3" borderId="44" xfId="1" applyFont="1" applyFill="1" applyBorder="1" applyAlignment="1" applyProtection="1">
      <alignment horizontal="right" vertical="center" shrinkToFit="1"/>
      <protection locked="0"/>
    </xf>
    <xf numFmtId="38" fontId="60" fillId="3" borderId="66" xfId="1" applyFont="1" applyFill="1" applyBorder="1" applyAlignment="1" applyProtection="1">
      <alignment horizontal="left" vertical="center" wrapText="1"/>
      <protection locked="0"/>
    </xf>
    <xf numFmtId="38" fontId="60" fillId="3" borderId="30" xfId="1" applyFont="1" applyFill="1" applyBorder="1" applyAlignment="1" applyProtection="1">
      <alignment horizontal="left" vertical="center" wrapText="1"/>
      <protection locked="0"/>
    </xf>
    <xf numFmtId="38" fontId="60" fillId="3" borderId="48" xfId="1" applyFont="1" applyFill="1" applyBorder="1" applyAlignment="1" applyProtection="1">
      <alignment horizontal="left" vertical="center" wrapText="1"/>
      <protection locked="0"/>
    </xf>
    <xf numFmtId="38" fontId="46" fillId="0" borderId="0" xfId="1" applyFont="1" applyFill="1" applyBorder="1" applyAlignment="1" applyProtection="1">
      <alignment vertical="center" wrapText="1"/>
      <protection locked="0"/>
    </xf>
    <xf numFmtId="38" fontId="46" fillId="3" borderId="50" xfId="1" applyFont="1" applyFill="1" applyBorder="1" applyAlignment="1" applyProtection="1">
      <alignment vertical="center" wrapText="1"/>
      <protection locked="0"/>
    </xf>
    <xf numFmtId="38" fontId="46" fillId="3" borderId="48" xfId="1" applyFont="1" applyFill="1" applyBorder="1" applyAlignment="1" applyProtection="1">
      <alignment vertical="center" wrapText="1"/>
      <protection locked="0"/>
    </xf>
    <xf numFmtId="38" fontId="46" fillId="3" borderId="32" xfId="1" applyFont="1" applyFill="1" applyBorder="1" applyAlignment="1" applyProtection="1">
      <alignment vertical="center" wrapText="1"/>
      <protection locked="0"/>
    </xf>
    <xf numFmtId="38" fontId="46" fillId="3" borderId="36" xfId="1" applyFont="1" applyFill="1" applyBorder="1" applyAlignment="1" applyProtection="1">
      <alignment vertical="center" wrapText="1"/>
      <protection locked="0"/>
    </xf>
    <xf numFmtId="0" fontId="35" fillId="0" borderId="7" xfId="0" applyFont="1" applyFill="1" applyBorder="1" applyAlignment="1" applyProtection="1">
      <alignment horizontal="center" vertical="center" wrapText="1"/>
    </xf>
    <xf numFmtId="176" fontId="36" fillId="0" borderId="0" xfId="0" applyNumberFormat="1" applyFont="1" applyAlignment="1">
      <alignment horizontal="left" vertical="center" wrapText="1"/>
    </xf>
    <xf numFmtId="180" fontId="35" fillId="0" borderId="0" xfId="0" applyNumberFormat="1" applyFont="1" applyBorder="1" applyAlignment="1">
      <alignment horizontal="left" vertical="center" wrapText="1"/>
    </xf>
    <xf numFmtId="176" fontId="35" fillId="0" borderId="1" xfId="0" applyNumberFormat="1" applyFont="1" applyBorder="1" applyAlignment="1">
      <alignment horizontal="center" vertical="center" wrapText="1"/>
    </xf>
    <xf numFmtId="176" fontId="35" fillId="0" borderId="44" xfId="0" applyNumberFormat="1" applyFont="1" applyBorder="1" applyAlignment="1">
      <alignment horizontal="center" vertical="center" wrapText="1"/>
    </xf>
    <xf numFmtId="185" fontId="35" fillId="3" borderId="6" xfId="0" applyNumberFormat="1" applyFont="1" applyFill="1" applyBorder="1" applyAlignment="1" applyProtection="1">
      <alignment horizontal="center" vertical="center" wrapText="1"/>
      <protection locked="0"/>
    </xf>
    <xf numFmtId="176" fontId="35" fillId="0" borderId="0" xfId="0" applyNumberFormat="1" applyFont="1" applyBorder="1">
      <alignment vertical="center"/>
    </xf>
    <xf numFmtId="0" fontId="78" fillId="0" borderId="0" xfId="0" applyFont="1">
      <alignment vertical="center"/>
    </xf>
    <xf numFmtId="0" fontId="78" fillId="0" borderId="0" xfId="0" applyFont="1" applyFill="1">
      <alignment vertical="center"/>
    </xf>
    <xf numFmtId="180" fontId="78" fillId="0" borderId="0" xfId="0" applyNumberFormat="1" applyFont="1">
      <alignment vertical="center"/>
    </xf>
    <xf numFmtId="0" fontId="5" fillId="0" borderId="0" xfId="4" applyFont="1" applyAlignment="1" applyProtection="1">
      <alignment vertical="center"/>
    </xf>
    <xf numFmtId="0" fontId="5" fillId="0" borderId="0" xfId="4" applyFont="1" applyFill="1" applyAlignment="1" applyProtection="1">
      <alignment horizontal="left" vertical="center"/>
    </xf>
    <xf numFmtId="0" fontId="5" fillId="0" borderId="0" xfId="4" applyFont="1" applyAlignment="1" applyProtection="1">
      <alignment horizontal="left" vertical="center"/>
    </xf>
    <xf numFmtId="0" fontId="5" fillId="0" borderId="23" xfId="4" applyFont="1" applyBorder="1" applyAlignment="1" applyProtection="1">
      <alignment horizontal="distributed" vertical="center" justifyLastLine="1"/>
    </xf>
    <xf numFmtId="0" fontId="5" fillId="0" borderId="24" xfId="4" applyFont="1" applyBorder="1" applyAlignment="1" applyProtection="1">
      <alignment horizontal="distributed" vertical="center" justifyLastLine="1"/>
    </xf>
    <xf numFmtId="0" fontId="5" fillId="0" borderId="25" xfId="4" applyFont="1" applyBorder="1" applyAlignment="1" applyProtection="1">
      <alignment horizontal="distributed" vertical="center" justifyLastLine="1"/>
    </xf>
    <xf numFmtId="0" fontId="5" fillId="0" borderId="26" xfId="4" applyFont="1" applyBorder="1" applyAlignment="1" applyProtection="1">
      <alignment horizontal="distributed" vertical="center" justifyLastLine="1"/>
    </xf>
    <xf numFmtId="0" fontId="5" fillId="0" borderId="27" xfId="4" applyFont="1" applyBorder="1" applyAlignment="1" applyProtection="1">
      <alignment vertical="center"/>
    </xf>
    <xf numFmtId="38" fontId="5" fillId="0" borderId="8" xfId="9" applyFont="1" applyBorder="1" applyAlignment="1" applyProtection="1">
      <alignment vertical="center"/>
    </xf>
    <xf numFmtId="38" fontId="5" fillId="0" borderId="9" xfId="9" applyFont="1" applyBorder="1" applyAlignment="1" applyProtection="1">
      <alignment horizontal="right" vertical="center"/>
    </xf>
    <xf numFmtId="38" fontId="5" fillId="0" borderId="9" xfId="9" applyFont="1" applyFill="1" applyBorder="1" applyAlignment="1" applyProtection="1">
      <alignment horizontal="right" vertical="center"/>
    </xf>
    <xf numFmtId="38" fontId="5" fillId="0" borderId="28" xfId="9" applyFont="1" applyBorder="1" applyAlignment="1" applyProtection="1">
      <alignment vertical="center"/>
    </xf>
    <xf numFmtId="0" fontId="5" fillId="4" borderId="27" xfId="4" applyFont="1" applyFill="1" applyBorder="1" applyAlignment="1" applyProtection="1">
      <alignment vertical="center"/>
    </xf>
    <xf numFmtId="38" fontId="4" fillId="4" borderId="67" xfId="9" applyFont="1" applyFill="1" applyBorder="1" applyAlignment="1" applyProtection="1">
      <alignment vertical="center" wrapText="1"/>
    </xf>
    <xf numFmtId="38" fontId="5" fillId="4" borderId="67" xfId="9" applyFont="1" applyFill="1" applyBorder="1" applyAlignment="1" applyProtection="1">
      <alignment vertical="center"/>
    </xf>
    <xf numFmtId="38" fontId="5" fillId="0" borderId="67" xfId="9" applyFont="1" applyFill="1" applyBorder="1" applyAlignment="1" applyProtection="1">
      <alignment vertical="center"/>
    </xf>
    <xf numFmtId="38" fontId="5" fillId="4" borderId="28" xfId="9" applyFont="1" applyFill="1" applyBorder="1" applyAlignment="1" applyProtection="1">
      <alignment vertical="center"/>
    </xf>
    <xf numFmtId="38" fontId="4" fillId="4" borderId="68" xfId="9" applyFont="1" applyFill="1" applyBorder="1" applyAlignment="1" applyProtection="1">
      <alignment vertical="center" wrapText="1"/>
    </xf>
    <xf numFmtId="38" fontId="5" fillId="4" borderId="68" xfId="9" applyFont="1" applyFill="1" applyBorder="1" applyAlignment="1" applyProtection="1">
      <alignment vertical="center"/>
    </xf>
    <xf numFmtId="38" fontId="5" fillId="0" borderId="68" xfId="9" applyFont="1" applyFill="1" applyBorder="1" applyAlignment="1" applyProtection="1">
      <alignment vertical="center"/>
    </xf>
    <xf numFmtId="38" fontId="5" fillId="4" borderId="68" xfId="9" applyFont="1" applyFill="1" applyBorder="1" applyAlignment="1" applyProtection="1">
      <alignment vertical="center" wrapText="1"/>
    </xf>
    <xf numFmtId="38" fontId="5" fillId="0" borderId="90" xfId="9" applyFont="1" applyFill="1" applyBorder="1" applyAlignment="1" applyProtection="1">
      <alignment vertical="center"/>
    </xf>
    <xf numFmtId="38" fontId="5" fillId="0" borderId="4" xfId="9" applyFont="1" applyBorder="1" applyAlignment="1" applyProtection="1">
      <alignment horizontal="right" vertical="center"/>
    </xf>
    <xf numFmtId="38" fontId="5" fillId="0" borderId="4" xfId="9" applyFont="1" applyFill="1" applyBorder="1" applyAlignment="1" applyProtection="1">
      <alignment horizontal="right" vertical="center"/>
    </xf>
    <xf numFmtId="38" fontId="5" fillId="0" borderId="91" xfId="9" applyFont="1" applyFill="1" applyBorder="1" applyAlignment="1" applyProtection="1">
      <alignment vertical="center"/>
    </xf>
    <xf numFmtId="38" fontId="5" fillId="0" borderId="17" xfId="9" applyFont="1" applyFill="1" applyBorder="1" applyAlignment="1" applyProtection="1">
      <alignment vertical="center"/>
    </xf>
    <xf numFmtId="38" fontId="5" fillId="0" borderId="18" xfId="9" applyFont="1" applyFill="1" applyBorder="1" applyAlignment="1" applyProtection="1">
      <alignment vertical="center"/>
    </xf>
    <xf numFmtId="0" fontId="5" fillId="0" borderId="28" xfId="4" applyFont="1" applyBorder="1" applyAlignment="1" applyProtection="1">
      <alignment vertical="center"/>
    </xf>
    <xf numFmtId="0" fontId="5" fillId="0" borderId="0" xfId="4" applyFont="1" applyBorder="1" applyAlignment="1" applyProtection="1">
      <alignment vertical="center"/>
    </xf>
    <xf numFmtId="38" fontId="5" fillId="3" borderId="90" xfId="9" applyFont="1" applyFill="1" applyBorder="1" applyAlignment="1" applyProtection="1">
      <alignment vertical="center"/>
      <protection locked="0"/>
    </xf>
    <xf numFmtId="0" fontId="5" fillId="4" borderId="27" xfId="4" applyFont="1" applyFill="1" applyBorder="1" applyAlignment="1" applyProtection="1">
      <alignment horizontal="left" vertical="center"/>
    </xf>
    <xf numFmtId="38" fontId="4" fillId="4" borderId="67" xfId="9" applyFont="1" applyFill="1" applyBorder="1" applyAlignment="1" applyProtection="1">
      <alignment horizontal="left" vertical="center" wrapText="1"/>
    </xf>
    <xf numFmtId="38" fontId="4" fillId="4" borderId="68" xfId="9" applyFont="1" applyFill="1" applyBorder="1" applyAlignment="1" applyProtection="1">
      <alignment horizontal="left" vertical="center" wrapText="1"/>
    </xf>
    <xf numFmtId="38" fontId="5" fillId="4" borderId="67" xfId="9" applyFont="1" applyFill="1" applyBorder="1" applyAlignment="1" applyProtection="1">
      <alignment vertical="center" wrapText="1"/>
    </xf>
    <xf numFmtId="38" fontId="5" fillId="4" borderId="67" xfId="9" applyFont="1" applyFill="1" applyBorder="1" applyAlignment="1" applyProtection="1">
      <alignment horizontal="right" vertical="center" wrapText="1"/>
    </xf>
    <xf numFmtId="38" fontId="5" fillId="4" borderId="67" xfId="9" applyFont="1" applyFill="1" applyBorder="1" applyAlignment="1" applyProtection="1">
      <alignment horizontal="left" vertical="center" wrapText="1"/>
    </xf>
    <xf numFmtId="38" fontId="5" fillId="4" borderId="68" xfId="9" applyFont="1" applyFill="1" applyBorder="1" applyAlignment="1" applyProtection="1">
      <alignment horizontal="right" vertical="center" wrapText="1"/>
    </xf>
    <xf numFmtId="38" fontId="5" fillId="4" borderId="68" xfId="9" applyFont="1" applyFill="1" applyBorder="1" applyAlignment="1" applyProtection="1">
      <alignment horizontal="left" vertical="center" wrapText="1"/>
    </xf>
    <xf numFmtId="38" fontId="5" fillId="4" borderId="68" xfId="9" applyFont="1" applyFill="1" applyBorder="1" applyAlignment="1" applyProtection="1">
      <alignment horizontal="left" vertical="center"/>
    </xf>
    <xf numFmtId="38" fontId="5" fillId="3" borderId="67" xfId="9" applyFont="1" applyFill="1" applyBorder="1" applyAlignment="1" applyProtection="1">
      <alignment horizontal="left" vertical="center"/>
      <protection locked="0"/>
    </xf>
    <xf numFmtId="38" fontId="5" fillId="3" borderId="68" xfId="9" applyFont="1" applyFill="1" applyBorder="1" applyAlignment="1" applyProtection="1">
      <alignment horizontal="left" vertical="center"/>
      <protection locked="0"/>
    </xf>
    <xf numFmtId="0" fontId="5" fillId="4" borderId="27" xfId="4" applyFont="1" applyFill="1" applyBorder="1" applyAlignment="1" applyProtection="1">
      <alignment horizontal="left" vertical="center" wrapText="1"/>
    </xf>
    <xf numFmtId="0" fontId="5" fillId="4" borderId="27" xfId="4" applyFont="1" applyFill="1" applyBorder="1" applyAlignment="1" applyProtection="1">
      <alignment vertical="top" wrapText="1"/>
    </xf>
    <xf numFmtId="0" fontId="5" fillId="4" borderId="27" xfId="4" applyFont="1" applyFill="1" applyBorder="1" applyAlignment="1" applyProtection="1">
      <alignment horizontal="left" vertical="top" wrapText="1"/>
    </xf>
    <xf numFmtId="0" fontId="5" fillId="4" borderId="27" xfId="4" applyFont="1" applyFill="1" applyBorder="1" applyAlignment="1" applyProtection="1">
      <alignment vertical="center" wrapText="1"/>
    </xf>
    <xf numFmtId="0" fontId="39" fillId="0" borderId="18" xfId="0" applyFont="1" applyFill="1" applyBorder="1" applyAlignment="1" applyProtection="1">
      <alignment horizontal="left" vertical="center" wrapText="1"/>
    </xf>
    <xf numFmtId="0" fontId="39" fillId="0" borderId="71" xfId="0" applyFont="1" applyFill="1" applyBorder="1" applyAlignment="1" applyProtection="1">
      <alignment horizontal="left" vertical="center" wrapText="1"/>
    </xf>
    <xf numFmtId="0" fontId="39" fillId="0" borderId="72" xfId="0" applyFont="1" applyFill="1" applyBorder="1" applyAlignment="1" applyProtection="1">
      <alignment horizontal="left" vertical="center" wrapText="1"/>
    </xf>
    <xf numFmtId="0" fontId="47" fillId="0" borderId="0" xfId="0" applyFont="1" applyFill="1" applyAlignment="1" applyProtection="1">
      <alignment horizontal="left" vertical="center" wrapText="1"/>
    </xf>
    <xf numFmtId="0" fontId="35" fillId="2" borderId="0" xfId="0" applyFont="1" applyFill="1" applyAlignment="1" applyProtection="1">
      <alignment horizontal="left" vertical="center" wrapText="1"/>
    </xf>
    <xf numFmtId="0" fontId="39" fillId="0" borderId="17" xfId="0" applyFont="1" applyFill="1" applyBorder="1" applyAlignment="1" applyProtection="1">
      <alignment horizontal="left" vertical="center" wrapText="1"/>
    </xf>
    <xf numFmtId="0" fontId="39" fillId="0" borderId="69" xfId="0" applyFont="1" applyFill="1" applyBorder="1" applyAlignment="1" applyProtection="1">
      <alignment horizontal="left" vertical="center" wrapText="1"/>
    </xf>
    <xf numFmtId="0" fontId="39" fillId="0" borderId="70" xfId="0" applyFont="1" applyFill="1" applyBorder="1" applyAlignment="1" applyProtection="1">
      <alignment horizontal="left" vertical="center" wrapText="1"/>
    </xf>
    <xf numFmtId="0" fontId="35" fillId="2" borderId="0" xfId="0" applyFont="1" applyFill="1" applyAlignment="1" applyProtection="1">
      <alignment horizontal="left" vertical="center" wrapText="1" indent="1"/>
    </xf>
    <xf numFmtId="0" fontId="36" fillId="6" borderId="0" xfId="0" applyFont="1" applyFill="1" applyAlignment="1" applyProtection="1">
      <alignment horizontal="center" vertical="center" wrapText="1"/>
    </xf>
    <xf numFmtId="0" fontId="35" fillId="2" borderId="0" xfId="0" applyFont="1" applyFill="1" applyAlignment="1" applyProtection="1">
      <alignment horizontal="left" vertical="center"/>
    </xf>
    <xf numFmtId="0" fontId="47" fillId="2" borderId="78" xfId="0" applyFont="1" applyFill="1" applyBorder="1" applyAlignment="1" applyProtection="1">
      <alignment horizontal="left" vertical="center" wrapText="1"/>
    </xf>
    <xf numFmtId="0" fontId="47" fillId="2" borderId="79" xfId="0" applyFont="1" applyFill="1" applyBorder="1" applyAlignment="1" applyProtection="1">
      <alignment horizontal="left" vertical="center" wrapText="1"/>
    </xf>
    <xf numFmtId="0" fontId="47" fillId="2" borderId="80" xfId="0" applyFont="1" applyFill="1" applyBorder="1" applyAlignment="1" applyProtection="1">
      <alignment horizontal="left" vertical="center" wrapText="1"/>
    </xf>
    <xf numFmtId="0" fontId="35" fillId="2" borderId="81" xfId="0" applyFont="1" applyFill="1" applyBorder="1" applyAlignment="1" applyProtection="1">
      <alignment horizontal="left" vertical="center"/>
    </xf>
    <xf numFmtId="0" fontId="35" fillId="2" borderId="82" xfId="0" applyFont="1" applyFill="1" applyBorder="1" applyAlignment="1" applyProtection="1">
      <alignment horizontal="left" vertical="center"/>
    </xf>
    <xf numFmtId="0" fontId="35" fillId="2" borderId="83" xfId="0" applyFont="1" applyFill="1" applyBorder="1" applyAlignment="1" applyProtection="1">
      <alignment horizontal="left" vertical="center"/>
    </xf>
    <xf numFmtId="0" fontId="83" fillId="2" borderId="0" xfId="0" applyFont="1" applyFill="1" applyAlignment="1" applyProtection="1">
      <alignment horizontal="left" vertical="top" indent="1"/>
    </xf>
    <xf numFmtId="0" fontId="42" fillId="2" borderId="0" xfId="0" applyFont="1" applyFill="1" applyAlignment="1" applyProtection="1">
      <alignment horizontal="left" vertical="top" wrapText="1" indent="1"/>
    </xf>
    <xf numFmtId="0" fontId="37" fillId="2" borderId="0" xfId="0" applyFont="1" applyFill="1" applyBorder="1" applyAlignment="1" applyProtection="1">
      <alignment horizontal="left" vertical="center" wrapText="1"/>
    </xf>
    <xf numFmtId="0" fontId="38" fillId="2" borderId="0" xfId="0" applyFont="1" applyFill="1" applyBorder="1" applyAlignment="1" applyProtection="1">
      <alignment horizontal="left" vertical="center" wrapText="1"/>
    </xf>
    <xf numFmtId="0" fontId="35" fillId="2" borderId="0" xfId="0" applyFont="1" applyFill="1" applyBorder="1" applyAlignment="1" applyProtection="1">
      <alignment horizontal="left" vertical="center"/>
    </xf>
    <xf numFmtId="0" fontId="47" fillId="2" borderId="84" xfId="0" applyFont="1" applyFill="1" applyBorder="1" applyAlignment="1" applyProtection="1">
      <alignment horizontal="left" vertical="center" wrapText="1"/>
    </xf>
    <xf numFmtId="0" fontId="47" fillId="2" borderId="0" xfId="0" applyFont="1" applyFill="1" applyBorder="1" applyAlignment="1" applyProtection="1">
      <alignment horizontal="left" vertical="center" wrapText="1"/>
    </xf>
    <xf numFmtId="0" fontId="47" fillId="2" borderId="85" xfId="0" applyFont="1" applyFill="1" applyBorder="1" applyAlignment="1" applyProtection="1">
      <alignment horizontal="left" vertical="center" wrapText="1"/>
    </xf>
    <xf numFmtId="0" fontId="35" fillId="2" borderId="0" xfId="0" applyFont="1" applyFill="1" applyAlignment="1" applyProtection="1">
      <alignment horizontal="left" vertical="center" indent="1"/>
    </xf>
    <xf numFmtId="0" fontId="42" fillId="2" borderId="0" xfId="0" applyFont="1" applyFill="1" applyAlignment="1" applyProtection="1">
      <alignment horizontal="left" vertical="center" indent="1"/>
    </xf>
    <xf numFmtId="0" fontId="42" fillId="2" borderId="0" xfId="0" applyFont="1" applyFill="1" applyAlignment="1" applyProtection="1">
      <alignment horizontal="left" vertical="top" indent="1"/>
    </xf>
    <xf numFmtId="0" fontId="44" fillId="8" borderId="1" xfId="0" applyFont="1" applyFill="1" applyBorder="1" applyAlignment="1" applyProtection="1">
      <alignment horizontal="center" vertical="center"/>
    </xf>
    <xf numFmtId="0" fontId="44" fillId="8" borderId="1" xfId="0" applyFont="1" applyFill="1" applyBorder="1" applyAlignment="1" applyProtection="1">
      <alignment vertical="center"/>
    </xf>
    <xf numFmtId="0" fontId="35" fillId="0" borderId="6" xfId="0" applyFont="1" applyFill="1" applyBorder="1" applyAlignment="1" applyProtection="1">
      <alignment horizontal="center" vertical="center"/>
    </xf>
    <xf numFmtId="0" fontId="35" fillId="0" borderId="7" xfId="0" applyFont="1" applyBorder="1" applyAlignment="1" applyProtection="1">
      <alignment vertical="center"/>
    </xf>
    <xf numFmtId="0" fontId="35" fillId="0" borderId="2" xfId="0" applyFont="1" applyFill="1" applyBorder="1" applyAlignment="1" applyProtection="1">
      <alignment horizontal="center" vertical="center" wrapText="1"/>
    </xf>
    <xf numFmtId="0" fontId="35" fillId="0" borderId="8" xfId="0" applyFont="1" applyBorder="1" applyAlignment="1" applyProtection="1">
      <alignment horizontal="center" vertical="center"/>
    </xf>
    <xf numFmtId="0" fontId="35" fillId="0" borderId="3" xfId="0" applyFont="1" applyBorder="1" applyAlignment="1" applyProtection="1">
      <alignment horizontal="center" vertical="center"/>
    </xf>
    <xf numFmtId="0" fontId="35" fillId="3" borderId="6" xfId="0" applyFont="1" applyFill="1" applyBorder="1" applyAlignment="1" applyProtection="1">
      <alignment horizontal="center" vertical="center" wrapText="1"/>
      <protection locked="0"/>
    </xf>
    <xf numFmtId="0" fontId="35" fillId="3" borderId="7" xfId="0" applyFont="1" applyFill="1" applyBorder="1" applyAlignment="1" applyProtection="1">
      <alignment horizontal="center" vertical="center" wrapText="1"/>
      <protection locked="0"/>
    </xf>
    <xf numFmtId="0" fontId="35" fillId="0" borderId="9" xfId="0" applyFont="1" applyFill="1" applyBorder="1" applyAlignment="1" applyProtection="1">
      <alignment horizontal="center" vertical="center" wrapText="1"/>
    </xf>
    <xf numFmtId="0" fontId="35" fillId="0" borderId="13" xfId="0" applyFont="1" applyFill="1" applyBorder="1" applyAlignment="1" applyProtection="1">
      <alignment horizontal="center" vertical="center" wrapText="1"/>
    </xf>
    <xf numFmtId="0" fontId="35" fillId="0" borderId="4" xfId="0" applyFont="1" applyFill="1" applyBorder="1" applyAlignment="1" applyProtection="1">
      <alignment horizontal="center" vertical="center" wrapText="1"/>
    </xf>
    <xf numFmtId="0" fontId="35" fillId="0" borderId="5" xfId="0" applyFont="1" applyFill="1" applyBorder="1" applyAlignment="1" applyProtection="1">
      <alignment horizontal="center" vertical="center" wrapText="1"/>
    </xf>
    <xf numFmtId="0" fontId="35" fillId="0" borderId="10" xfId="0" applyFont="1" applyFill="1" applyBorder="1" applyAlignment="1" applyProtection="1">
      <alignment horizontal="center" vertical="center" wrapText="1"/>
    </xf>
    <xf numFmtId="0" fontId="35" fillId="0" borderId="14" xfId="0" applyFont="1" applyFill="1" applyBorder="1" applyAlignment="1" applyProtection="1">
      <alignment horizontal="center" vertical="center" wrapText="1"/>
    </xf>
    <xf numFmtId="179" fontId="35" fillId="3" borderId="6" xfId="0" applyNumberFormat="1" applyFont="1" applyFill="1" applyBorder="1" applyAlignment="1" applyProtection="1">
      <alignment horizontal="center" vertical="center" wrapText="1"/>
      <protection locked="0"/>
    </xf>
    <xf numFmtId="179" fontId="35" fillId="3" borderId="7" xfId="0" applyNumberFormat="1" applyFont="1" applyFill="1" applyBorder="1" applyAlignment="1" applyProtection="1">
      <alignment horizontal="center" vertical="center" wrapText="1"/>
      <protection locked="0"/>
    </xf>
    <xf numFmtId="181" fontId="35" fillId="3" borderId="6" xfId="0" applyNumberFormat="1" applyFont="1" applyFill="1" applyBorder="1" applyAlignment="1" applyProtection="1">
      <alignment horizontal="center" vertical="center" wrapText="1"/>
      <protection locked="0"/>
    </xf>
    <xf numFmtId="181" fontId="35" fillId="3" borderId="7" xfId="0" applyNumberFormat="1" applyFont="1" applyFill="1" applyBorder="1" applyAlignment="1" applyProtection="1">
      <alignment horizontal="center" vertical="center" wrapText="1"/>
      <protection locked="0"/>
    </xf>
    <xf numFmtId="0" fontId="35" fillId="0" borderId="6" xfId="0" applyFont="1" applyFill="1" applyBorder="1" applyAlignment="1" applyProtection="1">
      <alignment horizontal="center" vertical="center" wrapText="1"/>
    </xf>
    <xf numFmtId="0" fontId="35" fillId="0" borderId="7" xfId="0" applyFont="1" applyFill="1" applyBorder="1" applyAlignment="1" applyProtection="1">
      <alignment horizontal="center" vertical="center" wrapText="1"/>
    </xf>
    <xf numFmtId="0" fontId="35" fillId="0" borderId="3" xfId="0" applyFont="1" applyFill="1" applyBorder="1" applyAlignment="1" applyProtection="1">
      <alignment horizontal="center" vertical="center" wrapText="1"/>
    </xf>
    <xf numFmtId="0" fontId="35" fillId="0" borderId="6" xfId="0" applyFont="1" applyFill="1" applyBorder="1" applyAlignment="1" applyProtection="1">
      <alignment wrapText="1"/>
    </xf>
    <xf numFmtId="0" fontId="35" fillId="0" borderId="12" xfId="0" applyFont="1" applyFill="1" applyBorder="1" applyAlignment="1" applyProtection="1">
      <alignment wrapText="1"/>
    </xf>
    <xf numFmtId="0" fontId="35" fillId="0" borderId="7" xfId="0" applyFont="1" applyFill="1" applyBorder="1" applyAlignment="1" applyProtection="1">
      <alignment wrapText="1"/>
    </xf>
    <xf numFmtId="0" fontId="35" fillId="0" borderId="12" xfId="0" applyFont="1" applyFill="1" applyBorder="1" applyAlignment="1" applyProtection="1">
      <alignment horizontal="center" vertical="center" wrapText="1"/>
    </xf>
    <xf numFmtId="49" fontId="35" fillId="3" borderId="6" xfId="0" applyNumberFormat="1" applyFont="1" applyFill="1" applyBorder="1" applyAlignment="1" applyProtection="1">
      <alignment horizontal="center" vertical="center" wrapText="1"/>
      <protection locked="0"/>
    </xf>
    <xf numFmtId="49" fontId="35" fillId="3" borderId="7" xfId="0" applyNumberFormat="1" applyFont="1" applyFill="1" applyBorder="1" applyAlignment="1" applyProtection="1">
      <alignment horizontal="center" vertical="center" wrapText="1"/>
      <protection locked="0"/>
    </xf>
    <xf numFmtId="0" fontId="58" fillId="3" borderId="6" xfId="16" applyFill="1" applyBorder="1" applyAlignment="1" applyProtection="1">
      <alignment horizontal="center" vertical="center" wrapText="1"/>
      <protection locked="0"/>
    </xf>
    <xf numFmtId="0" fontId="35" fillId="0" borderId="8" xfId="0" applyFont="1" applyFill="1" applyBorder="1" applyAlignment="1" applyProtection="1">
      <alignment horizontal="center" vertical="center" wrapText="1"/>
    </xf>
    <xf numFmtId="0" fontId="42" fillId="0" borderId="4" xfId="0" applyFont="1" applyFill="1" applyBorder="1" applyAlignment="1" applyProtection="1">
      <alignment horizontal="left" vertical="center" wrapText="1"/>
    </xf>
    <xf numFmtId="0" fontId="42" fillId="0" borderId="0" xfId="0" applyFont="1" applyFill="1" applyAlignment="1" applyProtection="1">
      <alignment horizontal="left" vertical="center" wrapText="1"/>
    </xf>
    <xf numFmtId="0" fontId="42" fillId="0" borderId="0" xfId="0" applyFont="1" applyFill="1" applyBorder="1" applyAlignment="1" applyProtection="1">
      <alignment horizontal="left" vertical="center" wrapText="1"/>
    </xf>
    <xf numFmtId="0" fontId="35" fillId="0" borderId="6" xfId="0" applyFont="1" applyFill="1" applyBorder="1" applyAlignment="1" applyProtection="1">
      <alignment vertical="center" wrapText="1"/>
    </xf>
    <xf numFmtId="0" fontId="35" fillId="0" borderId="12" xfId="0" applyFont="1" applyFill="1" applyBorder="1" applyAlignment="1" applyProtection="1">
      <alignment vertical="center" wrapText="1"/>
    </xf>
    <xf numFmtId="0" fontId="35" fillId="0" borderId="7" xfId="0" applyFont="1" applyFill="1" applyBorder="1" applyAlignment="1" applyProtection="1">
      <alignment vertical="center" wrapText="1"/>
    </xf>
    <xf numFmtId="0" fontId="42" fillId="0" borderId="4" xfId="0" applyFont="1" applyFill="1" applyBorder="1" applyAlignment="1" applyProtection="1">
      <alignment vertical="center" wrapText="1"/>
    </xf>
    <xf numFmtId="0" fontId="42" fillId="0" borderId="0" xfId="0" applyFont="1" applyFill="1" applyBorder="1" applyAlignment="1" applyProtection="1">
      <alignment vertical="center" wrapText="1"/>
    </xf>
    <xf numFmtId="176" fontId="36" fillId="8" borderId="53" xfId="0" applyNumberFormat="1" applyFont="1" applyFill="1" applyBorder="1" applyAlignment="1">
      <alignment horizontal="center" vertical="center" wrapText="1"/>
    </xf>
    <xf numFmtId="176" fontId="36" fillId="8" borderId="54" xfId="0" applyNumberFormat="1" applyFont="1" applyFill="1" applyBorder="1" applyAlignment="1">
      <alignment horizontal="center" vertical="center" wrapText="1"/>
    </xf>
    <xf numFmtId="176" fontId="36" fillId="8" borderId="55" xfId="0" applyNumberFormat="1" applyFont="1" applyFill="1" applyBorder="1" applyAlignment="1">
      <alignment horizontal="center" vertical="center" wrapText="1"/>
    </xf>
    <xf numFmtId="176" fontId="35" fillId="0" borderId="38" xfId="0" applyNumberFormat="1" applyFont="1" applyBorder="1" applyAlignment="1">
      <alignment horizontal="left" vertical="center" wrapText="1"/>
    </xf>
    <xf numFmtId="176" fontId="45" fillId="0" borderId="38" xfId="0" applyNumberFormat="1" applyFont="1" applyBorder="1" applyAlignment="1">
      <alignment horizontal="left" vertical="center" wrapText="1"/>
    </xf>
    <xf numFmtId="176" fontId="42" fillId="0" borderId="52" xfId="0" applyNumberFormat="1" applyFont="1" applyBorder="1" applyAlignment="1">
      <alignment horizontal="left" vertical="center" wrapText="1"/>
    </xf>
    <xf numFmtId="176" fontId="45" fillId="8" borderId="25" xfId="0" applyNumberFormat="1" applyFont="1" applyFill="1" applyBorder="1" applyAlignment="1">
      <alignment horizontal="center" vertical="center"/>
    </xf>
    <xf numFmtId="176" fontId="45" fillId="8" borderId="40" xfId="0" applyNumberFormat="1" applyFont="1" applyFill="1" applyBorder="1" applyAlignment="1">
      <alignment horizontal="center" vertical="center"/>
    </xf>
    <xf numFmtId="176" fontId="60" fillId="3" borderId="6" xfId="0" applyNumberFormat="1" applyFont="1" applyFill="1" applyBorder="1" applyAlignment="1" applyProtection="1">
      <alignment horizontal="left" vertical="center" wrapText="1"/>
      <protection locked="0"/>
    </xf>
    <xf numFmtId="176" fontId="60" fillId="3" borderId="7" xfId="0" applyNumberFormat="1" applyFont="1" applyFill="1" applyBorder="1" applyAlignment="1" applyProtection="1">
      <alignment horizontal="left" vertical="center" wrapText="1"/>
      <protection locked="0"/>
    </xf>
    <xf numFmtId="176" fontId="35" fillId="3" borderId="53" xfId="0" applyNumberFormat="1" applyFont="1" applyFill="1" applyBorder="1" applyAlignment="1" applyProtection="1">
      <alignment horizontal="left" vertical="center" wrapText="1"/>
      <protection locked="0"/>
    </xf>
    <xf numFmtId="176" fontId="35" fillId="3" borderId="54" xfId="0" applyNumberFormat="1" applyFont="1" applyFill="1" applyBorder="1" applyAlignment="1" applyProtection="1">
      <alignment horizontal="left" vertical="center" wrapText="1"/>
      <protection locked="0"/>
    </xf>
    <xf numFmtId="176" fontId="35" fillId="3" borderId="55" xfId="0" applyNumberFormat="1" applyFont="1" applyFill="1" applyBorder="1" applyAlignment="1" applyProtection="1">
      <alignment horizontal="left" vertical="center" wrapText="1"/>
      <protection locked="0"/>
    </xf>
    <xf numFmtId="176" fontId="36" fillId="8" borderId="49" xfId="0" applyNumberFormat="1" applyFont="1" applyFill="1" applyBorder="1" applyAlignment="1">
      <alignment horizontal="center" vertical="center"/>
    </xf>
    <xf numFmtId="176" fontId="36" fillId="8" borderId="40" xfId="0" applyNumberFormat="1" applyFont="1" applyFill="1" applyBorder="1" applyAlignment="1">
      <alignment horizontal="center" vertical="center"/>
    </xf>
    <xf numFmtId="176" fontId="36" fillId="8" borderId="39" xfId="0" applyNumberFormat="1" applyFont="1" applyFill="1" applyBorder="1" applyAlignment="1">
      <alignment horizontal="center" vertical="center"/>
    </xf>
    <xf numFmtId="176" fontId="42" fillId="3" borderId="56" xfId="0" applyNumberFormat="1" applyFont="1" applyFill="1" applyBorder="1" applyAlignment="1" applyProtection="1">
      <alignment horizontal="left" vertical="center" wrapText="1"/>
      <protection locked="0"/>
    </xf>
    <xf numFmtId="176" fontId="42" fillId="3" borderId="47" xfId="0" applyNumberFormat="1" applyFont="1" applyFill="1" applyBorder="1" applyAlignment="1" applyProtection="1">
      <alignment horizontal="left" vertical="center" wrapText="1"/>
      <protection locked="0"/>
    </xf>
    <xf numFmtId="176" fontId="42" fillId="3" borderId="49" xfId="0" applyNumberFormat="1" applyFont="1" applyFill="1" applyBorder="1" applyAlignment="1" applyProtection="1">
      <alignment horizontal="left" vertical="center" wrapText="1"/>
      <protection locked="0"/>
    </xf>
    <xf numFmtId="176" fontId="42" fillId="3" borderId="40" xfId="0" applyNumberFormat="1" applyFont="1" applyFill="1" applyBorder="1" applyAlignment="1" applyProtection="1">
      <alignment horizontal="left" vertical="center" wrapText="1"/>
      <protection locked="0"/>
    </xf>
    <xf numFmtId="176" fontId="42" fillId="3" borderId="63" xfId="0" applyNumberFormat="1" applyFont="1" applyFill="1" applyBorder="1" applyAlignment="1" applyProtection="1">
      <alignment horizontal="left" vertical="center" wrapText="1"/>
      <protection locked="0"/>
    </xf>
    <xf numFmtId="176" fontId="42" fillId="3" borderId="7" xfId="0" applyNumberFormat="1" applyFont="1" applyFill="1" applyBorder="1" applyAlignment="1" applyProtection="1">
      <alignment horizontal="left" vertical="center" wrapText="1"/>
      <protection locked="0"/>
    </xf>
    <xf numFmtId="176" fontId="36" fillId="0" borderId="38" xfId="0" applyNumberFormat="1" applyFont="1" applyBorder="1" applyAlignment="1">
      <alignment horizontal="left" vertical="center" wrapText="1"/>
    </xf>
    <xf numFmtId="176" fontId="42" fillId="0" borderId="0" xfId="0" applyNumberFormat="1" applyFont="1" applyBorder="1" applyAlignment="1">
      <alignment horizontal="left" vertical="center" wrapText="1"/>
    </xf>
    <xf numFmtId="176" fontId="45" fillId="0" borderId="0" xfId="0" applyNumberFormat="1" applyFont="1" applyBorder="1" applyAlignment="1">
      <alignment horizontal="left" vertical="center" wrapText="1"/>
    </xf>
    <xf numFmtId="176" fontId="35" fillId="0" borderId="1" xfId="0" applyNumberFormat="1" applyFont="1" applyBorder="1" applyAlignment="1">
      <alignment vertical="center" wrapText="1"/>
    </xf>
    <xf numFmtId="176" fontId="35" fillId="0" borderId="50" xfId="0" applyNumberFormat="1" applyFont="1" applyBorder="1" applyAlignment="1">
      <alignment vertical="center" wrapText="1"/>
    </xf>
    <xf numFmtId="176" fontId="35" fillId="0" borderId="44" xfId="0" applyNumberFormat="1" applyFont="1" applyBorder="1" applyAlignment="1">
      <alignment vertical="center" wrapText="1"/>
    </xf>
    <xf numFmtId="176" fontId="35" fillId="0" borderId="48" xfId="0" applyNumberFormat="1" applyFont="1" applyBorder="1" applyAlignment="1">
      <alignment vertical="center" wrapText="1"/>
    </xf>
    <xf numFmtId="176" fontId="36" fillId="8" borderId="24" xfId="0" applyNumberFormat="1" applyFont="1" applyFill="1" applyBorder="1" applyAlignment="1">
      <alignment horizontal="left" vertical="center" wrapText="1"/>
    </xf>
    <xf numFmtId="176" fontId="36" fillId="8" borderId="51" xfId="0" applyNumberFormat="1" applyFont="1" applyFill="1" applyBorder="1" applyAlignment="1">
      <alignment horizontal="left" vertical="center" wrapText="1"/>
    </xf>
    <xf numFmtId="176" fontId="35" fillId="0" borderId="1" xfId="0" applyNumberFormat="1" applyFont="1" applyBorder="1" applyAlignment="1">
      <alignment horizontal="left" vertical="center" wrapText="1"/>
    </xf>
    <xf numFmtId="176" fontId="35" fillId="0" borderId="50" xfId="0" applyNumberFormat="1" applyFont="1" applyBorder="1" applyAlignment="1">
      <alignment horizontal="left" vertical="center" wrapText="1"/>
    </xf>
    <xf numFmtId="176" fontId="35" fillId="0" borderId="44" xfId="0" applyNumberFormat="1" applyFont="1" applyBorder="1" applyAlignment="1">
      <alignment horizontal="left" vertical="center" wrapText="1"/>
    </xf>
    <xf numFmtId="176" fontId="35" fillId="0" borderId="48" xfId="0" applyNumberFormat="1" applyFont="1" applyBorder="1" applyAlignment="1">
      <alignment horizontal="left" vertical="center" wrapText="1"/>
    </xf>
    <xf numFmtId="176" fontId="36" fillId="0" borderId="0" xfId="0" applyNumberFormat="1" applyFont="1" applyBorder="1" applyAlignment="1">
      <alignment horizontal="left" vertical="center" wrapText="1"/>
    </xf>
    <xf numFmtId="176" fontId="45" fillId="0" borderId="0" xfId="0" applyNumberFormat="1" applyFont="1" applyAlignment="1">
      <alignment horizontal="left" vertical="center" wrapText="1"/>
    </xf>
    <xf numFmtId="176" fontId="35" fillId="0" borderId="0" xfId="0" applyNumberFormat="1" applyFont="1" applyBorder="1" applyAlignment="1">
      <alignment horizontal="left" vertical="center" wrapText="1"/>
    </xf>
    <xf numFmtId="176" fontId="35" fillId="0" borderId="52" xfId="0" applyNumberFormat="1" applyFont="1" applyBorder="1" applyAlignment="1">
      <alignment horizontal="left" vertical="center" wrapText="1"/>
    </xf>
    <xf numFmtId="176" fontId="42" fillId="0" borderId="0" xfId="0" applyNumberFormat="1" applyFont="1" applyAlignment="1">
      <alignment horizontal="left" vertical="center" wrapText="1"/>
    </xf>
    <xf numFmtId="176" fontId="35" fillId="3" borderId="53" xfId="0" applyNumberFormat="1" applyFont="1" applyFill="1" applyBorder="1" applyAlignment="1" applyProtection="1">
      <alignment horizontal="center" vertical="center" wrapText="1"/>
      <protection locked="0"/>
    </xf>
    <xf numFmtId="176" fontId="35" fillId="3" borderId="55" xfId="0" applyNumberFormat="1" applyFont="1" applyFill="1" applyBorder="1" applyAlignment="1" applyProtection="1">
      <alignment horizontal="center" vertical="center" wrapText="1"/>
      <protection locked="0"/>
    </xf>
    <xf numFmtId="176" fontId="43" fillId="0" borderId="0" xfId="0" applyNumberFormat="1" applyFont="1" applyAlignment="1">
      <alignment horizontal="left" vertical="center" wrapText="1"/>
    </xf>
    <xf numFmtId="176" fontId="60" fillId="3" borderId="45" xfId="0" applyNumberFormat="1" applyFont="1" applyFill="1" applyBorder="1" applyAlignment="1" applyProtection="1">
      <alignment horizontal="left" vertical="center" wrapText="1"/>
      <protection locked="0"/>
    </xf>
    <xf numFmtId="176" fontId="60" fillId="3" borderId="47" xfId="0" applyNumberFormat="1" applyFont="1" applyFill="1" applyBorder="1" applyAlignment="1" applyProtection="1">
      <alignment horizontal="left" vertical="center" wrapText="1"/>
      <protection locked="0"/>
    </xf>
    <xf numFmtId="176" fontId="36" fillId="0" borderId="0" xfId="0" applyNumberFormat="1" applyFont="1" applyAlignment="1">
      <alignment horizontal="left" vertical="center" wrapText="1"/>
    </xf>
    <xf numFmtId="176" fontId="35" fillId="0" borderId="0" xfId="0" applyNumberFormat="1" applyFont="1" applyAlignment="1">
      <alignment horizontal="left" vertical="center"/>
    </xf>
    <xf numFmtId="176" fontId="41" fillId="0" borderId="0" xfId="0" applyNumberFormat="1" applyFont="1" applyAlignment="1">
      <alignment horizontal="center" vertical="center"/>
    </xf>
    <xf numFmtId="176" fontId="42" fillId="0" borderId="53" xfId="0" applyNumberFormat="1" applyFont="1" applyFill="1" applyBorder="1" applyAlignment="1">
      <alignment horizontal="center" vertical="center" shrinkToFit="1"/>
    </xf>
    <xf numFmtId="176" fontId="42" fillId="0" borderId="55" xfId="0" applyNumberFormat="1" applyFont="1" applyFill="1" applyBorder="1" applyAlignment="1">
      <alignment horizontal="center" vertical="center" shrinkToFit="1"/>
    </xf>
    <xf numFmtId="176" fontId="42" fillId="0" borderId="15" xfId="0" applyNumberFormat="1" applyFont="1" applyFill="1" applyBorder="1" applyAlignment="1">
      <alignment horizontal="center" vertical="center" shrinkToFit="1"/>
    </xf>
    <xf numFmtId="0" fontId="42" fillId="0" borderId="53" xfId="0" applyNumberFormat="1" applyFont="1" applyBorder="1" applyAlignment="1">
      <alignment horizontal="center" vertical="center" shrinkToFit="1"/>
    </xf>
    <xf numFmtId="0" fontId="42" fillId="0" borderId="55" xfId="0" applyNumberFormat="1" applyFont="1" applyBorder="1" applyAlignment="1">
      <alignment horizontal="center" vertical="center" shrinkToFit="1"/>
    </xf>
    <xf numFmtId="176" fontId="36" fillId="8" borderId="24" xfId="0" applyNumberFormat="1" applyFont="1" applyFill="1" applyBorder="1" applyAlignment="1" applyProtection="1">
      <alignment horizontal="left" vertical="center"/>
    </xf>
    <xf numFmtId="176" fontId="36" fillId="8" borderId="51" xfId="0" applyNumberFormat="1" applyFont="1" applyFill="1" applyBorder="1" applyAlignment="1" applyProtection="1">
      <alignment horizontal="left" vertical="center"/>
    </xf>
    <xf numFmtId="176" fontId="42" fillId="3" borderId="6" xfId="0" applyNumberFormat="1" applyFont="1" applyFill="1" applyBorder="1" applyAlignment="1" applyProtection="1">
      <alignment horizontal="left" vertical="center" wrapText="1"/>
      <protection locked="0"/>
    </xf>
    <xf numFmtId="176" fontId="42" fillId="3" borderId="45" xfId="0" applyNumberFormat="1" applyFont="1" applyFill="1" applyBorder="1" applyAlignment="1" applyProtection="1">
      <alignment horizontal="left" vertical="center" wrapText="1"/>
      <protection locked="0"/>
    </xf>
    <xf numFmtId="176" fontId="42" fillId="3" borderId="10" xfId="0" applyNumberFormat="1" applyFont="1" applyFill="1" applyBorder="1" applyAlignment="1" applyProtection="1">
      <alignment horizontal="left" vertical="center" wrapText="1"/>
      <protection locked="0"/>
    </xf>
    <xf numFmtId="176" fontId="42" fillId="3" borderId="14" xfId="0" applyNumberFormat="1" applyFont="1" applyFill="1" applyBorder="1" applyAlignment="1" applyProtection="1">
      <alignment horizontal="left" vertical="center" wrapText="1"/>
      <protection locked="0"/>
    </xf>
    <xf numFmtId="180" fontId="46" fillId="3" borderId="1" xfId="0" applyNumberFormat="1" applyFont="1" applyFill="1" applyBorder="1" applyAlignment="1" applyProtection="1">
      <alignment horizontal="left" vertical="center" wrapText="1"/>
      <protection locked="0"/>
    </xf>
    <xf numFmtId="180" fontId="46" fillId="3" borderId="41" xfId="0" applyNumberFormat="1" applyFont="1" applyFill="1" applyBorder="1" applyAlignment="1" applyProtection="1">
      <alignment horizontal="left" vertical="center" wrapText="1"/>
      <protection locked="0"/>
    </xf>
    <xf numFmtId="180" fontId="35" fillId="3" borderId="43" xfId="0" applyNumberFormat="1" applyFont="1" applyFill="1" applyBorder="1" applyAlignment="1" applyProtection="1">
      <alignment horizontal="center" vertical="center"/>
      <protection locked="0"/>
    </xf>
    <xf numFmtId="180" fontId="35" fillId="3" borderId="44" xfId="0" applyNumberFormat="1" applyFont="1" applyFill="1" applyBorder="1" applyAlignment="1" applyProtection="1">
      <alignment horizontal="center" vertical="center"/>
      <protection locked="0"/>
    </xf>
    <xf numFmtId="38" fontId="47" fillId="3" borderId="53" xfId="1" applyFont="1" applyFill="1" applyBorder="1" applyAlignment="1" applyProtection="1">
      <alignment horizontal="right" vertical="center"/>
      <protection locked="0"/>
    </xf>
    <xf numFmtId="38" fontId="47" fillId="3" borderId="54" xfId="1" applyFont="1" applyFill="1" applyBorder="1" applyAlignment="1" applyProtection="1">
      <alignment horizontal="right" vertical="center"/>
      <protection locked="0"/>
    </xf>
    <xf numFmtId="38" fontId="47" fillId="3" borderId="55" xfId="1" applyFont="1" applyFill="1" applyBorder="1" applyAlignment="1" applyProtection="1">
      <alignment horizontal="right" vertical="center"/>
      <protection locked="0"/>
    </xf>
    <xf numFmtId="180" fontId="46" fillId="3" borderId="63" xfId="0" applyNumberFormat="1" applyFont="1" applyFill="1" applyBorder="1" applyAlignment="1" applyProtection="1">
      <alignment horizontal="left" vertical="center" wrapText="1"/>
      <protection locked="0"/>
    </xf>
    <xf numFmtId="180" fontId="46" fillId="3" borderId="12" xfId="0" applyNumberFormat="1" applyFont="1" applyFill="1" applyBorder="1" applyAlignment="1" applyProtection="1">
      <alignment horizontal="left" vertical="center" wrapText="1"/>
      <protection locked="0"/>
    </xf>
    <xf numFmtId="180" fontId="46" fillId="3" borderId="7" xfId="0" applyNumberFormat="1" applyFont="1" applyFill="1" applyBorder="1" applyAlignment="1" applyProtection="1">
      <alignment horizontal="left" vertical="center" wrapText="1"/>
      <protection locked="0"/>
    </xf>
    <xf numFmtId="180" fontId="36" fillId="0" borderId="38" xfId="0" applyNumberFormat="1" applyFont="1" applyBorder="1" applyAlignment="1">
      <alignment horizontal="left" vertical="center" wrapText="1"/>
    </xf>
    <xf numFmtId="180" fontId="36" fillId="0" borderId="0" xfId="0" applyNumberFormat="1" applyFont="1" applyAlignment="1">
      <alignment horizontal="left" vertical="center" wrapText="1"/>
    </xf>
    <xf numFmtId="180" fontId="36" fillId="8" borderId="49" xfId="0" applyNumberFormat="1" applyFont="1" applyFill="1" applyBorder="1" applyAlignment="1">
      <alignment horizontal="center" vertical="center"/>
    </xf>
    <xf numFmtId="180" fontId="36" fillId="8" borderId="39" xfId="0" applyNumberFormat="1" applyFont="1" applyFill="1" applyBorder="1" applyAlignment="1">
      <alignment horizontal="center" vertical="center"/>
    </xf>
    <xf numFmtId="180" fontId="36" fillId="8" borderId="40" xfId="0" applyNumberFormat="1" applyFont="1" applyFill="1" applyBorder="1" applyAlignment="1">
      <alignment horizontal="center" vertical="center"/>
    </xf>
    <xf numFmtId="180" fontId="36" fillId="8" borderId="25" xfId="0" applyNumberFormat="1" applyFont="1" applyFill="1" applyBorder="1" applyAlignment="1">
      <alignment horizontal="center" vertical="center"/>
    </xf>
    <xf numFmtId="0" fontId="35" fillId="3" borderId="6" xfId="0" applyNumberFormat="1" applyFont="1" applyFill="1" applyBorder="1" applyAlignment="1" applyProtection="1">
      <alignment horizontal="center" vertical="center"/>
      <protection locked="0"/>
    </xf>
    <xf numFmtId="0" fontId="35" fillId="3" borderId="12" xfId="0" applyNumberFormat="1" applyFont="1" applyFill="1" applyBorder="1" applyAlignment="1" applyProtection="1">
      <alignment horizontal="center" vertical="center"/>
      <protection locked="0"/>
    </xf>
    <xf numFmtId="0" fontId="35" fillId="3" borderId="7" xfId="0" applyNumberFormat="1" applyFont="1" applyFill="1" applyBorder="1" applyAlignment="1" applyProtection="1">
      <alignment horizontal="center" vertical="center"/>
      <protection locked="0"/>
    </xf>
    <xf numFmtId="0" fontId="35" fillId="3" borderId="45" xfId="0" applyNumberFormat="1" applyFont="1" applyFill="1" applyBorder="1" applyAlignment="1" applyProtection="1">
      <alignment horizontal="center" vertical="center"/>
      <protection locked="0"/>
    </xf>
    <xf numFmtId="0" fontId="35" fillId="3" borderId="46" xfId="0" applyNumberFormat="1" applyFont="1" applyFill="1" applyBorder="1" applyAlignment="1" applyProtection="1">
      <alignment horizontal="center" vertical="center"/>
      <protection locked="0"/>
    </xf>
    <xf numFmtId="0" fontId="35" fillId="3" borderId="47" xfId="0" applyNumberFormat="1" applyFont="1" applyFill="1" applyBorder="1" applyAlignment="1" applyProtection="1">
      <alignment horizontal="center" vertical="center"/>
      <protection locked="0"/>
    </xf>
    <xf numFmtId="38" fontId="42" fillId="0" borderId="12" xfId="1" applyFont="1" applyFill="1" applyBorder="1" applyAlignment="1">
      <alignment horizontal="right" vertical="center" shrinkToFit="1"/>
    </xf>
    <xf numFmtId="180" fontId="36" fillId="8" borderId="25" xfId="0" applyNumberFormat="1" applyFont="1" applyFill="1" applyBorder="1" applyAlignment="1">
      <alignment horizontal="center" vertical="center" wrapText="1"/>
    </xf>
    <xf numFmtId="180" fontId="36" fillId="8" borderId="39" xfId="0" applyNumberFormat="1" applyFont="1" applyFill="1" applyBorder="1" applyAlignment="1">
      <alignment horizontal="center" vertical="center" wrapText="1"/>
    </xf>
    <xf numFmtId="180" fontId="36" fillId="8" borderId="40" xfId="0" applyNumberFormat="1" applyFont="1" applyFill="1" applyBorder="1" applyAlignment="1">
      <alignment horizontal="center" vertical="center" wrapText="1"/>
    </xf>
    <xf numFmtId="180" fontId="36" fillId="8" borderId="24" xfId="0" applyNumberFormat="1" applyFont="1" applyFill="1" applyBorder="1" applyAlignment="1">
      <alignment horizontal="center" vertical="center" wrapText="1"/>
    </xf>
    <xf numFmtId="180" fontId="36" fillId="8" borderId="51" xfId="0" applyNumberFormat="1" applyFont="1" applyFill="1" applyBorder="1" applyAlignment="1">
      <alignment horizontal="center" vertical="center" wrapText="1"/>
    </xf>
    <xf numFmtId="180" fontId="35" fillId="0" borderId="1" xfId="0" applyNumberFormat="1" applyFont="1" applyBorder="1" applyAlignment="1">
      <alignment horizontal="center" vertical="center" wrapText="1"/>
    </xf>
    <xf numFmtId="180" fontId="35" fillId="0" borderId="50" xfId="0" applyNumberFormat="1" applyFont="1" applyBorder="1" applyAlignment="1">
      <alignment horizontal="center" vertical="center" wrapText="1"/>
    </xf>
    <xf numFmtId="180" fontId="35" fillId="3" borderId="53" xfId="0" applyNumberFormat="1" applyFont="1" applyFill="1" applyBorder="1" applyAlignment="1" applyProtection="1">
      <alignment horizontal="left" vertical="center" wrapText="1"/>
      <protection locked="0"/>
    </xf>
    <xf numFmtId="180" fontId="35" fillId="3" borderId="54" xfId="0" applyNumberFormat="1" applyFont="1" applyFill="1" applyBorder="1" applyAlignment="1" applyProtection="1">
      <alignment horizontal="left" vertical="center" wrapText="1"/>
      <protection locked="0"/>
    </xf>
    <xf numFmtId="180" fontId="35" fillId="3" borderId="55" xfId="0" applyNumberFormat="1" applyFont="1" applyFill="1" applyBorder="1" applyAlignment="1" applyProtection="1">
      <alignment horizontal="left" vertical="center" wrapText="1"/>
      <protection locked="0"/>
    </xf>
    <xf numFmtId="180" fontId="36" fillId="8" borderId="23" xfId="0" applyNumberFormat="1" applyFont="1" applyFill="1" applyBorder="1" applyAlignment="1">
      <alignment horizontal="center" vertical="center" wrapText="1"/>
    </xf>
    <xf numFmtId="180" fontId="35" fillId="3" borderId="41" xfId="0" applyNumberFormat="1" applyFont="1" applyFill="1" applyBorder="1" applyAlignment="1" applyProtection="1">
      <alignment horizontal="center" vertical="center" wrapText="1"/>
      <protection locked="0"/>
    </xf>
    <xf numFmtId="180" fontId="35" fillId="3" borderId="1" xfId="0" applyNumberFormat="1" applyFont="1" applyFill="1" applyBorder="1" applyAlignment="1" applyProtection="1">
      <alignment horizontal="center" vertical="center" wrapText="1"/>
      <protection locked="0"/>
    </xf>
    <xf numFmtId="187" fontId="35" fillId="3" borderId="6" xfId="0" applyNumberFormat="1" applyFont="1" applyFill="1" applyBorder="1" applyAlignment="1" applyProtection="1">
      <alignment horizontal="left" vertical="center"/>
      <protection locked="0"/>
    </xf>
    <xf numFmtId="187" fontId="35" fillId="3" borderId="12" xfId="0" applyNumberFormat="1" applyFont="1" applyFill="1" applyBorder="1" applyAlignment="1" applyProtection="1">
      <alignment horizontal="left" vertical="center"/>
      <protection locked="0"/>
    </xf>
    <xf numFmtId="187" fontId="35" fillId="3" borderId="7" xfId="0" applyNumberFormat="1" applyFont="1" applyFill="1" applyBorder="1" applyAlignment="1" applyProtection="1">
      <alignment horizontal="left" vertical="center"/>
      <protection locked="0"/>
    </xf>
    <xf numFmtId="180" fontId="42" fillId="3" borderId="41" xfId="0" applyNumberFormat="1" applyFont="1" applyFill="1" applyBorder="1" applyAlignment="1" applyProtection="1">
      <alignment horizontal="center" vertical="center" wrapText="1"/>
      <protection locked="0"/>
    </xf>
    <xf numFmtId="180" fontId="42" fillId="3" borderId="1" xfId="0" applyNumberFormat="1" applyFont="1" applyFill="1" applyBorder="1" applyAlignment="1" applyProtection="1">
      <alignment horizontal="center" vertical="center" wrapText="1"/>
      <protection locked="0"/>
    </xf>
    <xf numFmtId="180" fontId="42" fillId="3" borderId="43" xfId="0" applyNumberFormat="1" applyFont="1" applyFill="1" applyBorder="1" applyAlignment="1" applyProtection="1">
      <alignment horizontal="center" vertical="center" wrapText="1"/>
      <protection locked="0"/>
    </xf>
    <xf numFmtId="180" fontId="42" fillId="3" borderId="44" xfId="0" applyNumberFormat="1" applyFont="1" applyFill="1" applyBorder="1" applyAlignment="1" applyProtection="1">
      <alignment horizontal="center" vertical="center" wrapText="1"/>
      <protection locked="0"/>
    </xf>
    <xf numFmtId="0" fontId="42" fillId="3" borderId="6" xfId="0" applyNumberFormat="1" applyFont="1" applyFill="1" applyBorder="1" applyAlignment="1" applyProtection="1">
      <alignment horizontal="center" vertical="center"/>
      <protection locked="0"/>
    </xf>
    <xf numFmtId="0" fontId="42" fillId="3" borderId="12" xfId="0" applyNumberFormat="1" applyFont="1" applyFill="1" applyBorder="1" applyAlignment="1" applyProtection="1">
      <alignment horizontal="center" vertical="center"/>
      <protection locked="0"/>
    </xf>
    <xf numFmtId="0" fontId="42" fillId="3" borderId="7" xfId="0" applyNumberFormat="1" applyFont="1" applyFill="1" applyBorder="1" applyAlignment="1" applyProtection="1">
      <alignment horizontal="center" vertical="center"/>
      <protection locked="0"/>
    </xf>
    <xf numFmtId="180" fontId="46" fillId="3" borderId="45" xfId="0" applyNumberFormat="1" applyFont="1" applyFill="1" applyBorder="1" applyAlignment="1" applyProtection="1">
      <alignment horizontal="left" vertical="center" wrapText="1"/>
      <protection locked="0"/>
    </xf>
    <xf numFmtId="180" fontId="46" fillId="3" borderId="46" xfId="0" applyNumberFormat="1" applyFont="1" applyFill="1" applyBorder="1" applyAlignment="1" applyProtection="1">
      <alignment horizontal="left" vertical="center" wrapText="1"/>
      <protection locked="0"/>
    </xf>
    <xf numFmtId="180" fontId="46" fillId="3" borderId="47" xfId="0" applyNumberFormat="1" applyFont="1" applyFill="1" applyBorder="1" applyAlignment="1" applyProtection="1">
      <alignment horizontal="left" vertical="center" wrapText="1"/>
      <protection locked="0"/>
    </xf>
    <xf numFmtId="0" fontId="42" fillId="3" borderId="45" xfId="0" applyNumberFormat="1" applyFont="1" applyFill="1" applyBorder="1" applyAlignment="1" applyProtection="1">
      <alignment horizontal="center" vertical="center"/>
      <protection locked="0"/>
    </xf>
    <xf numFmtId="0" fontId="42" fillId="3" borderId="46" xfId="0" applyNumberFormat="1" applyFont="1" applyFill="1" applyBorder="1" applyAlignment="1" applyProtection="1">
      <alignment horizontal="center" vertical="center"/>
      <protection locked="0"/>
    </xf>
    <xf numFmtId="0" fontId="42" fillId="3" borderId="47" xfId="0" applyNumberFormat="1" applyFont="1" applyFill="1" applyBorder="1" applyAlignment="1" applyProtection="1">
      <alignment horizontal="center" vertical="center"/>
      <protection locked="0"/>
    </xf>
    <xf numFmtId="0" fontId="35" fillId="3" borderId="10" xfId="0" applyNumberFormat="1" applyFont="1" applyFill="1" applyBorder="1" applyAlignment="1" applyProtection="1">
      <alignment horizontal="center" vertical="center"/>
      <protection locked="0"/>
    </xf>
    <xf numFmtId="0" fontId="35" fillId="3" borderId="11" xfId="0" applyNumberFormat="1" applyFont="1" applyFill="1" applyBorder="1" applyAlignment="1" applyProtection="1">
      <alignment horizontal="center" vertical="center"/>
      <protection locked="0"/>
    </xf>
    <xf numFmtId="0" fontId="35" fillId="3" borderId="14" xfId="0" applyNumberFormat="1" applyFont="1" applyFill="1" applyBorder="1" applyAlignment="1" applyProtection="1">
      <alignment horizontal="center" vertical="center"/>
      <protection locked="0"/>
    </xf>
    <xf numFmtId="180" fontId="42" fillId="3" borderId="6" xfId="0" applyNumberFormat="1" applyFont="1" applyFill="1" applyBorder="1" applyAlignment="1" applyProtection="1">
      <alignment horizontal="right" vertical="center"/>
      <protection locked="0"/>
    </xf>
    <xf numFmtId="180" fontId="42" fillId="3" borderId="12" xfId="0" applyNumberFormat="1" applyFont="1" applyFill="1" applyBorder="1" applyAlignment="1" applyProtection="1">
      <alignment horizontal="right" vertical="center"/>
      <protection locked="0"/>
    </xf>
    <xf numFmtId="180" fontId="42" fillId="3" borderId="7" xfId="0" applyNumberFormat="1" applyFont="1" applyFill="1" applyBorder="1" applyAlignment="1" applyProtection="1">
      <alignment horizontal="right" vertical="center"/>
      <protection locked="0"/>
    </xf>
    <xf numFmtId="38" fontId="42" fillId="3" borderId="6" xfId="1" applyFont="1" applyFill="1" applyBorder="1" applyAlignment="1" applyProtection="1">
      <alignment horizontal="right" vertical="center" shrinkToFit="1"/>
      <protection locked="0"/>
    </xf>
    <xf numFmtId="38" fontId="42" fillId="3" borderId="12" xfId="1" applyFont="1" applyFill="1" applyBorder="1" applyAlignment="1" applyProtection="1">
      <alignment horizontal="right" vertical="center" shrinkToFit="1"/>
      <protection locked="0"/>
    </xf>
    <xf numFmtId="38" fontId="42" fillId="3" borderId="7" xfId="1" applyFont="1" applyFill="1" applyBorder="1" applyAlignment="1" applyProtection="1">
      <alignment horizontal="right" vertical="center" shrinkToFit="1"/>
      <protection locked="0"/>
    </xf>
    <xf numFmtId="38" fontId="42" fillId="0" borderId="33" xfId="1" applyFont="1" applyBorder="1" applyAlignment="1">
      <alignment horizontal="right" vertical="center" shrinkToFit="1"/>
    </xf>
    <xf numFmtId="38" fontId="42" fillId="0" borderId="34" xfId="1" applyFont="1" applyBorder="1" applyAlignment="1">
      <alignment horizontal="right" vertical="center" shrinkToFit="1"/>
    </xf>
    <xf numFmtId="38" fontId="42" fillId="0" borderId="36" xfId="1" applyFont="1" applyBorder="1" applyAlignment="1">
      <alignment horizontal="right" vertical="center" shrinkToFit="1"/>
    </xf>
    <xf numFmtId="38" fontId="42" fillId="0" borderId="45" xfId="1" applyFont="1" applyFill="1" applyBorder="1" applyAlignment="1">
      <alignment horizontal="right" vertical="center" shrinkToFit="1"/>
    </xf>
    <xf numFmtId="38" fontId="42" fillId="0" borderId="46" xfId="1" applyFont="1" applyFill="1" applyBorder="1" applyAlignment="1">
      <alignment horizontal="right" vertical="center" shrinkToFit="1"/>
    </xf>
    <xf numFmtId="38" fontId="42" fillId="0" borderId="47" xfId="1" applyFont="1" applyFill="1" applyBorder="1" applyAlignment="1">
      <alignment horizontal="right" vertical="center" shrinkToFit="1"/>
    </xf>
    <xf numFmtId="180" fontId="42" fillId="3" borderId="45" xfId="0" applyNumberFormat="1" applyFont="1" applyFill="1" applyBorder="1" applyAlignment="1" applyProtection="1">
      <alignment horizontal="right" vertical="center"/>
      <protection locked="0"/>
    </xf>
    <xf numFmtId="180" fontId="42" fillId="3" borderId="46" xfId="0" applyNumberFormat="1" applyFont="1" applyFill="1" applyBorder="1" applyAlignment="1" applyProtection="1">
      <alignment horizontal="right" vertical="center"/>
      <protection locked="0"/>
    </xf>
    <xf numFmtId="180" fontId="42" fillId="3" borderId="47" xfId="0" applyNumberFormat="1" applyFont="1" applyFill="1" applyBorder="1" applyAlignment="1" applyProtection="1">
      <alignment horizontal="right" vertical="center"/>
      <protection locked="0"/>
    </xf>
    <xf numFmtId="180" fontId="35" fillId="0" borderId="0" xfId="0" applyNumberFormat="1" applyFont="1" applyBorder="1" applyAlignment="1">
      <alignment horizontal="left" vertical="center" wrapText="1"/>
    </xf>
    <xf numFmtId="38" fontId="42" fillId="3" borderId="45" xfId="1" applyFont="1" applyFill="1" applyBorder="1" applyAlignment="1" applyProtection="1">
      <alignment horizontal="right" vertical="center" shrinkToFit="1"/>
      <protection locked="0"/>
    </xf>
    <xf numFmtId="38" fontId="42" fillId="3" borderId="46" xfId="1" applyFont="1" applyFill="1" applyBorder="1" applyAlignment="1" applyProtection="1">
      <alignment horizontal="right" vertical="center" shrinkToFit="1"/>
      <protection locked="0"/>
    </xf>
    <xf numFmtId="38" fontId="42" fillId="3" borderId="47" xfId="1" applyFont="1" applyFill="1" applyBorder="1" applyAlignment="1" applyProtection="1">
      <alignment horizontal="right" vertical="center" shrinkToFit="1"/>
      <protection locked="0"/>
    </xf>
    <xf numFmtId="180" fontId="46" fillId="3" borderId="56" xfId="0" applyNumberFormat="1" applyFont="1" applyFill="1" applyBorder="1" applyAlignment="1" applyProtection="1">
      <alignment horizontal="left" vertical="center" wrapText="1"/>
      <protection locked="0"/>
    </xf>
    <xf numFmtId="38" fontId="35" fillId="0" borderId="61" xfId="1" applyFont="1" applyBorder="1" applyAlignment="1">
      <alignment horizontal="right" vertical="center" shrinkToFit="1"/>
    </xf>
    <xf numFmtId="38" fontId="35" fillId="0" borderId="38" xfId="1" applyFont="1" applyBorder="1" applyAlignment="1">
      <alignment horizontal="right" vertical="center" shrinkToFit="1"/>
    </xf>
    <xf numFmtId="38" fontId="35" fillId="0" borderId="62" xfId="1" applyFont="1" applyBorder="1" applyAlignment="1">
      <alignment horizontal="right" vertical="center" shrinkToFit="1"/>
    </xf>
    <xf numFmtId="38" fontId="35" fillId="0" borderId="6" xfId="1" applyFont="1" applyFill="1" applyBorder="1" applyAlignment="1">
      <alignment horizontal="right" vertical="center" shrinkToFit="1"/>
    </xf>
    <xf numFmtId="38" fontId="35" fillId="0" borderId="12" xfId="1" applyFont="1" applyFill="1" applyBorder="1" applyAlignment="1">
      <alignment horizontal="right" vertical="center" shrinkToFit="1"/>
    </xf>
    <xf numFmtId="38" fontId="35" fillId="0" borderId="7" xfId="1" applyFont="1" applyFill="1" applyBorder="1" applyAlignment="1">
      <alignment horizontal="right" vertical="center" shrinkToFit="1"/>
    </xf>
    <xf numFmtId="38" fontId="35" fillId="0" borderId="45" xfId="1" applyFont="1" applyFill="1" applyBorder="1" applyAlignment="1">
      <alignment horizontal="right" vertical="center" shrinkToFit="1"/>
    </xf>
    <xf numFmtId="38" fontId="35" fillId="0" borderId="46" xfId="1" applyFont="1" applyFill="1" applyBorder="1" applyAlignment="1">
      <alignment horizontal="right" vertical="center" shrinkToFit="1"/>
    </xf>
    <xf numFmtId="38" fontId="35" fillId="0" borderId="47" xfId="1" applyFont="1" applyFill="1" applyBorder="1" applyAlignment="1">
      <alignment horizontal="right" vertical="center" shrinkToFit="1"/>
    </xf>
    <xf numFmtId="38" fontId="35" fillId="0" borderId="10" xfId="1" applyFont="1" applyFill="1" applyBorder="1" applyAlignment="1">
      <alignment horizontal="right" vertical="center" shrinkToFit="1"/>
    </xf>
    <xf numFmtId="38" fontId="35" fillId="0" borderId="11" xfId="1" applyFont="1" applyFill="1" applyBorder="1" applyAlignment="1">
      <alignment horizontal="right" vertical="center" shrinkToFit="1"/>
    </xf>
    <xf numFmtId="38" fontId="35" fillId="0" borderId="14" xfId="1" applyFont="1" applyFill="1" applyBorder="1" applyAlignment="1">
      <alignment horizontal="right" vertical="center" shrinkToFit="1"/>
    </xf>
    <xf numFmtId="180" fontId="46" fillId="3" borderId="44" xfId="0" applyNumberFormat="1" applyFont="1" applyFill="1" applyBorder="1" applyAlignment="1" applyProtection="1">
      <alignment horizontal="left" vertical="center" wrapText="1"/>
      <protection locked="0"/>
    </xf>
    <xf numFmtId="186" fontId="35" fillId="3" borderId="1" xfId="1" applyNumberFormat="1" applyFont="1" applyFill="1" applyBorder="1" applyAlignment="1" applyProtection="1">
      <alignment horizontal="right" vertical="center"/>
      <protection locked="0"/>
    </xf>
    <xf numFmtId="180" fontId="35" fillId="8" borderId="53" xfId="0" applyNumberFormat="1" applyFont="1" applyFill="1" applyBorder="1" applyAlignment="1">
      <alignment horizontal="center" vertical="center"/>
    </xf>
    <xf numFmtId="180" fontId="35" fillId="8" borderId="54" xfId="0" applyNumberFormat="1" applyFont="1" applyFill="1" applyBorder="1" applyAlignment="1">
      <alignment horizontal="center" vertical="center"/>
    </xf>
    <xf numFmtId="180" fontId="35" fillId="8" borderId="55" xfId="0" applyNumberFormat="1" applyFont="1" applyFill="1" applyBorder="1" applyAlignment="1">
      <alignment horizontal="center" vertical="center"/>
    </xf>
    <xf numFmtId="180" fontId="36" fillId="8" borderId="24" xfId="0" applyNumberFormat="1" applyFont="1" applyFill="1" applyBorder="1" applyAlignment="1">
      <alignment horizontal="center" vertical="center"/>
    </xf>
    <xf numFmtId="186" fontId="35" fillId="3" borderId="44" xfId="1" applyNumberFormat="1" applyFont="1" applyFill="1" applyBorder="1" applyAlignment="1" applyProtection="1">
      <alignment horizontal="right" vertical="center"/>
      <protection locked="0"/>
    </xf>
    <xf numFmtId="180" fontId="47" fillId="0" borderId="38" xfId="0" applyNumberFormat="1" applyFont="1" applyBorder="1" applyAlignment="1">
      <alignment horizontal="center" vertical="center"/>
    </xf>
    <xf numFmtId="180" fontId="36" fillId="8" borderId="23" xfId="0" applyNumberFormat="1" applyFont="1" applyFill="1" applyBorder="1" applyAlignment="1" applyProtection="1">
      <alignment horizontal="center" vertical="center"/>
    </xf>
    <xf numFmtId="180" fontId="36" fillId="8" borderId="24" xfId="0" applyNumberFormat="1" applyFont="1" applyFill="1" applyBorder="1" applyAlignment="1" applyProtection="1">
      <alignment horizontal="center" vertical="center"/>
    </xf>
    <xf numFmtId="180" fontId="35" fillId="3" borderId="41" xfId="0" applyNumberFormat="1" applyFont="1" applyFill="1" applyBorder="1" applyAlignment="1" applyProtection="1">
      <alignment horizontal="center" vertical="center"/>
      <protection locked="0"/>
    </xf>
    <xf numFmtId="180" fontId="35" fillId="3" borderId="1" xfId="0" applyNumberFormat="1" applyFont="1" applyFill="1" applyBorder="1" applyAlignment="1" applyProtection="1">
      <alignment horizontal="center" vertical="center"/>
      <protection locked="0"/>
    </xf>
    <xf numFmtId="180" fontId="35" fillId="3" borderId="53" xfId="0" applyNumberFormat="1" applyFont="1" applyFill="1" applyBorder="1" applyAlignment="1" applyProtection="1">
      <alignment horizontal="center" vertical="center"/>
      <protection locked="0"/>
    </xf>
    <xf numFmtId="180" fontId="35" fillId="3" borderId="54" xfId="0" applyNumberFormat="1" applyFont="1" applyFill="1" applyBorder="1" applyAlignment="1" applyProtection="1">
      <alignment horizontal="center" vertical="center"/>
      <protection locked="0"/>
    </xf>
    <xf numFmtId="180" fontId="35" fillId="3" borderId="55" xfId="0" applyNumberFormat="1" applyFont="1" applyFill="1" applyBorder="1" applyAlignment="1" applyProtection="1">
      <alignment horizontal="center" vertical="center"/>
      <protection locked="0"/>
    </xf>
    <xf numFmtId="180" fontId="43" fillId="0" borderId="38" xfId="0" applyNumberFormat="1" applyFont="1" applyBorder="1" applyAlignment="1">
      <alignment horizontal="center" vertical="center"/>
    </xf>
    <xf numFmtId="180" fontId="36" fillId="8" borderId="24" xfId="0" applyNumberFormat="1" applyFont="1" applyFill="1" applyBorder="1" applyAlignment="1">
      <alignment horizontal="left" vertical="center" wrapText="1"/>
    </xf>
    <xf numFmtId="180" fontId="36" fillId="8" borderId="51" xfId="0" applyNumberFormat="1" applyFont="1" applyFill="1" applyBorder="1" applyAlignment="1">
      <alignment horizontal="left" vertical="center" wrapText="1"/>
    </xf>
    <xf numFmtId="180" fontId="35" fillId="0" borderId="1" xfId="0" applyNumberFormat="1" applyFont="1" applyBorder="1" applyAlignment="1">
      <alignment vertical="center" wrapText="1"/>
    </xf>
    <xf numFmtId="180" fontId="35" fillId="0" borderId="50" xfId="0" applyNumberFormat="1" applyFont="1" applyBorder="1" applyAlignment="1">
      <alignment vertical="center" wrapText="1"/>
    </xf>
    <xf numFmtId="180" fontId="35" fillId="0" borderId="1" xfId="0" applyNumberFormat="1" applyFont="1" applyBorder="1" applyAlignment="1">
      <alignment horizontal="left" vertical="center" wrapText="1"/>
    </xf>
    <xf numFmtId="180" fontId="35" fillId="0" borderId="50" xfId="0" applyNumberFormat="1" applyFont="1" applyBorder="1" applyAlignment="1">
      <alignment horizontal="left" vertical="center" wrapText="1"/>
    </xf>
    <xf numFmtId="180" fontId="35" fillId="0" borderId="44" xfId="0" applyNumberFormat="1" applyFont="1" applyBorder="1" applyAlignment="1">
      <alignment horizontal="left" vertical="center" wrapText="1"/>
    </xf>
    <xf numFmtId="180" fontId="35" fillId="0" borderId="48" xfId="0" applyNumberFormat="1" applyFont="1" applyBorder="1" applyAlignment="1">
      <alignment horizontal="left" vertical="center" wrapText="1"/>
    </xf>
    <xf numFmtId="180" fontId="35" fillId="0" borderId="52" xfId="0" applyNumberFormat="1" applyFont="1" applyBorder="1" applyAlignment="1">
      <alignment horizontal="left" vertical="center" wrapText="1"/>
    </xf>
    <xf numFmtId="180" fontId="42" fillId="0" borderId="0" xfId="0" applyNumberFormat="1" applyFont="1" applyAlignment="1">
      <alignment horizontal="left" vertical="center" wrapText="1"/>
    </xf>
    <xf numFmtId="180" fontId="42" fillId="0" borderId="15" xfId="0" applyNumberFormat="1" applyFont="1" applyFill="1" applyBorder="1" applyAlignment="1">
      <alignment horizontal="center" vertical="center" shrinkToFit="1"/>
    </xf>
    <xf numFmtId="0" fontId="42" fillId="0" borderId="15" xfId="0" applyNumberFormat="1" applyFont="1" applyBorder="1" applyAlignment="1">
      <alignment horizontal="center" vertical="center" shrinkToFit="1"/>
    </xf>
    <xf numFmtId="180" fontId="42" fillId="8" borderId="15" xfId="0" applyNumberFormat="1" applyFont="1" applyFill="1" applyBorder="1" applyAlignment="1">
      <alignment horizontal="center" vertical="center" wrapText="1"/>
    </xf>
    <xf numFmtId="180" fontId="42" fillId="8" borderId="15" xfId="0" applyNumberFormat="1" applyFont="1" applyFill="1" applyBorder="1" applyAlignment="1">
      <alignment horizontal="center" vertical="center"/>
    </xf>
    <xf numFmtId="180" fontId="35" fillId="0" borderId="0" xfId="0" applyNumberFormat="1" applyFont="1" applyAlignment="1">
      <alignment horizontal="left" vertical="center" wrapText="1"/>
    </xf>
    <xf numFmtId="38" fontId="43" fillId="3" borderId="58" xfId="1" applyFont="1" applyFill="1" applyBorder="1" applyAlignment="1" applyProtection="1">
      <alignment horizontal="right" vertical="center"/>
      <protection locked="0"/>
    </xf>
    <xf numFmtId="38" fontId="43" fillId="3" borderId="52" xfId="1" applyFont="1" applyFill="1" applyBorder="1" applyAlignment="1" applyProtection="1">
      <alignment horizontal="right" vertical="center"/>
      <protection locked="0"/>
    </xf>
    <xf numFmtId="38" fontId="43" fillId="3" borderId="59" xfId="1" applyFont="1" applyFill="1" applyBorder="1" applyAlignment="1" applyProtection="1">
      <alignment horizontal="right" vertical="center"/>
      <protection locked="0"/>
    </xf>
    <xf numFmtId="180" fontId="35" fillId="3" borderId="15" xfId="0" applyNumberFormat="1" applyFont="1" applyFill="1" applyBorder="1" applyAlignment="1" applyProtection="1">
      <alignment horizontal="center" vertical="center"/>
      <protection locked="0"/>
    </xf>
    <xf numFmtId="180" fontId="35" fillId="0" borderId="0" xfId="0" applyNumberFormat="1" applyFont="1" applyAlignment="1">
      <alignment horizontal="center" vertical="center"/>
    </xf>
    <xf numFmtId="38" fontId="35" fillId="3" borderId="53" xfId="1" applyFont="1" applyFill="1" applyBorder="1" applyAlignment="1" applyProtection="1">
      <alignment horizontal="right" vertical="center"/>
      <protection locked="0"/>
    </xf>
    <xf numFmtId="38" fontId="35" fillId="3" borderId="54" xfId="1" applyFont="1" applyFill="1" applyBorder="1" applyAlignment="1" applyProtection="1">
      <alignment horizontal="right" vertical="center"/>
      <protection locked="0"/>
    </xf>
    <xf numFmtId="38" fontId="35" fillId="3" borderId="55" xfId="1" applyFont="1" applyFill="1" applyBorder="1" applyAlignment="1" applyProtection="1">
      <alignment horizontal="right" vertical="center"/>
      <protection locked="0"/>
    </xf>
    <xf numFmtId="187" fontId="35" fillId="3" borderId="45" xfId="0" applyNumberFormat="1" applyFont="1" applyFill="1" applyBorder="1" applyAlignment="1" applyProtection="1">
      <alignment horizontal="left" vertical="center"/>
      <protection locked="0"/>
    </xf>
    <xf numFmtId="187" fontId="35" fillId="3" borderId="46" xfId="0" applyNumberFormat="1" applyFont="1" applyFill="1" applyBorder="1" applyAlignment="1" applyProtection="1">
      <alignment horizontal="left" vertical="center"/>
      <protection locked="0"/>
    </xf>
    <xf numFmtId="187" fontId="35" fillId="3" borderId="47" xfId="0" applyNumberFormat="1" applyFont="1" applyFill="1" applyBorder="1" applyAlignment="1" applyProtection="1">
      <alignment horizontal="left" vertical="center"/>
      <protection locked="0"/>
    </xf>
    <xf numFmtId="180" fontId="36" fillId="0" borderId="0" xfId="0" applyNumberFormat="1" applyFont="1" applyBorder="1" applyAlignment="1">
      <alignment horizontal="left" vertical="center" wrapText="1"/>
    </xf>
    <xf numFmtId="180" fontId="48" fillId="0" borderId="0" xfId="0" applyNumberFormat="1" applyFont="1" applyAlignment="1">
      <alignment horizontal="left" vertical="center" wrapText="1"/>
    </xf>
    <xf numFmtId="180" fontId="35" fillId="0" borderId="15" xfId="0" applyNumberFormat="1" applyFont="1" applyBorder="1" applyAlignment="1">
      <alignment horizontal="center" vertical="center"/>
    </xf>
    <xf numFmtId="180" fontId="35" fillId="0" borderId="38" xfId="0" applyNumberFormat="1" applyFont="1" applyBorder="1" applyAlignment="1">
      <alignment horizontal="left" vertical="center" wrapText="1"/>
    </xf>
    <xf numFmtId="180" fontId="42" fillId="0" borderId="52" xfId="0" applyNumberFormat="1" applyFont="1" applyBorder="1" applyAlignment="1">
      <alignment horizontal="left" vertical="center" wrapText="1"/>
    </xf>
    <xf numFmtId="180" fontId="36" fillId="8" borderId="49" xfId="0" applyNumberFormat="1" applyFont="1" applyFill="1" applyBorder="1" applyAlignment="1">
      <alignment horizontal="center" vertical="center" wrapText="1"/>
    </xf>
    <xf numFmtId="38" fontId="35" fillId="3" borderId="1" xfId="1" applyFont="1" applyFill="1" applyBorder="1" applyAlignment="1" applyProtection="1">
      <alignment horizontal="right" vertical="center"/>
      <protection locked="0"/>
    </xf>
    <xf numFmtId="38" fontId="35" fillId="3" borderId="44" xfId="1" applyFont="1" applyFill="1" applyBorder="1" applyAlignment="1" applyProtection="1">
      <alignment horizontal="right" vertical="center"/>
      <protection locked="0"/>
    </xf>
    <xf numFmtId="186" fontId="35" fillId="3" borderId="3" xfId="1" applyNumberFormat="1" applyFont="1" applyFill="1" applyBorder="1" applyAlignment="1" applyProtection="1">
      <alignment horizontal="right" vertical="center"/>
      <protection locked="0"/>
    </xf>
    <xf numFmtId="38" fontId="35" fillId="3" borderId="3" xfId="1" applyFont="1" applyFill="1" applyBorder="1" applyAlignment="1" applyProtection="1">
      <alignment horizontal="right" vertical="center"/>
      <protection locked="0"/>
    </xf>
    <xf numFmtId="180" fontId="46" fillId="3" borderId="43" xfId="0" applyNumberFormat="1" applyFont="1" applyFill="1" applyBorder="1" applyAlignment="1" applyProtection="1">
      <alignment horizontal="left" vertical="center" wrapText="1"/>
      <protection locked="0"/>
    </xf>
    <xf numFmtId="180" fontId="46" fillId="3" borderId="31" xfId="0" applyNumberFormat="1" applyFont="1" applyFill="1" applyBorder="1" applyAlignment="1" applyProtection="1">
      <alignment horizontal="left" vertical="center" wrapText="1"/>
      <protection locked="0"/>
    </xf>
    <xf numFmtId="180" fontId="46" fillId="3" borderId="3" xfId="0" applyNumberFormat="1" applyFont="1" applyFill="1" applyBorder="1" applyAlignment="1" applyProtection="1">
      <alignment horizontal="left" vertical="center" wrapText="1"/>
      <protection locked="0"/>
    </xf>
    <xf numFmtId="180" fontId="36" fillId="8" borderId="73" xfId="0" applyNumberFormat="1" applyFont="1" applyFill="1" applyBorder="1" applyAlignment="1">
      <alignment horizontal="center" vertical="center" wrapText="1"/>
    </xf>
    <xf numFmtId="180" fontId="36" fillId="8" borderId="52" xfId="0" applyNumberFormat="1" applyFont="1" applyFill="1" applyBorder="1" applyAlignment="1">
      <alignment horizontal="center" vertical="center"/>
    </xf>
    <xf numFmtId="0" fontId="36" fillId="8" borderId="76" xfId="0" applyFont="1" applyFill="1" applyBorder="1" applyAlignment="1">
      <alignment vertical="center"/>
    </xf>
    <xf numFmtId="180" fontId="54" fillId="8" borderId="25" xfId="0" applyNumberFormat="1" applyFont="1" applyFill="1" applyBorder="1" applyAlignment="1">
      <alignment horizontal="center" vertical="center" wrapText="1"/>
    </xf>
    <xf numFmtId="180" fontId="54" fillId="8" borderId="39" xfId="0" applyNumberFormat="1" applyFont="1" applyFill="1" applyBorder="1" applyAlignment="1">
      <alignment horizontal="center" vertical="center" wrapText="1"/>
    </xf>
    <xf numFmtId="180" fontId="54" fillId="8" borderId="40" xfId="0" applyNumberFormat="1" applyFont="1" applyFill="1" applyBorder="1" applyAlignment="1">
      <alignment horizontal="center" vertical="center" wrapText="1"/>
    </xf>
    <xf numFmtId="180" fontId="42" fillId="0" borderId="7" xfId="0" applyNumberFormat="1" applyFont="1" applyBorder="1" applyAlignment="1" applyProtection="1">
      <alignment horizontal="right" vertical="center"/>
      <protection locked="0"/>
    </xf>
    <xf numFmtId="180" fontId="42" fillId="3" borderId="10" xfId="0" applyNumberFormat="1" applyFont="1" applyFill="1" applyBorder="1" applyAlignment="1" applyProtection="1">
      <alignment horizontal="right" vertical="center"/>
      <protection locked="0"/>
    </xf>
    <xf numFmtId="180" fontId="42" fillId="3" borderId="11" xfId="0" applyNumberFormat="1" applyFont="1" applyFill="1" applyBorder="1" applyAlignment="1" applyProtection="1">
      <alignment horizontal="right" vertical="center"/>
      <protection locked="0"/>
    </xf>
    <xf numFmtId="180" fontId="42" fillId="3" borderId="14" xfId="0" applyNumberFormat="1" applyFont="1" applyFill="1" applyBorder="1" applyAlignment="1" applyProtection="1">
      <alignment horizontal="right" vertical="center"/>
      <protection locked="0"/>
    </xf>
    <xf numFmtId="38" fontId="42" fillId="3" borderId="10" xfId="1" applyFont="1" applyFill="1" applyBorder="1" applyAlignment="1" applyProtection="1">
      <alignment horizontal="right" vertical="center" shrinkToFit="1"/>
      <protection locked="0"/>
    </xf>
    <xf numFmtId="38" fontId="42" fillId="3" borderId="11" xfId="1" applyFont="1" applyFill="1" applyBorder="1" applyAlignment="1" applyProtection="1">
      <alignment horizontal="right" vertical="center" shrinkToFit="1"/>
      <protection locked="0"/>
    </xf>
    <xf numFmtId="38" fontId="42" fillId="3" borderId="14" xfId="1" applyFont="1" applyFill="1" applyBorder="1" applyAlignment="1" applyProtection="1">
      <alignment horizontal="right" vertical="center" shrinkToFit="1"/>
      <protection locked="0"/>
    </xf>
    <xf numFmtId="38" fontId="42" fillId="0" borderId="11" xfId="1" applyFont="1" applyFill="1" applyBorder="1" applyAlignment="1">
      <alignment horizontal="right" vertical="center" shrinkToFit="1"/>
    </xf>
    <xf numFmtId="187" fontId="35" fillId="3" borderId="10" xfId="0" applyNumberFormat="1" applyFont="1" applyFill="1" applyBorder="1" applyAlignment="1" applyProtection="1">
      <alignment horizontal="left" vertical="center"/>
      <protection locked="0"/>
    </xf>
    <xf numFmtId="187" fontId="35" fillId="3" borderId="11" xfId="0" applyNumberFormat="1" applyFont="1" applyFill="1" applyBorder="1" applyAlignment="1" applyProtection="1">
      <alignment horizontal="left" vertical="center"/>
      <protection locked="0"/>
    </xf>
    <xf numFmtId="187" fontId="35" fillId="3" borderId="14" xfId="0" applyNumberFormat="1" applyFont="1" applyFill="1" applyBorder="1" applyAlignment="1" applyProtection="1">
      <alignment horizontal="left" vertical="center"/>
      <protection locked="0"/>
    </xf>
    <xf numFmtId="180" fontId="35" fillId="3" borderId="43" xfId="0" applyNumberFormat="1" applyFont="1" applyFill="1" applyBorder="1" applyAlignment="1" applyProtection="1">
      <alignment horizontal="center" vertical="center" wrapText="1"/>
      <protection locked="0"/>
    </xf>
    <xf numFmtId="180" fontId="35" fillId="3" borderId="44" xfId="0" applyNumberFormat="1" applyFont="1" applyFill="1" applyBorder="1" applyAlignment="1" applyProtection="1">
      <alignment horizontal="center" vertical="center" wrapText="1"/>
      <protection locked="0"/>
    </xf>
    <xf numFmtId="180" fontId="47" fillId="0" borderId="44" xfId="0" applyNumberFormat="1" applyFont="1" applyBorder="1" applyAlignment="1">
      <alignment horizontal="center" vertical="center" wrapText="1"/>
    </xf>
    <xf numFmtId="180" fontId="47" fillId="0" borderId="48" xfId="0" applyNumberFormat="1" applyFont="1" applyBorder="1" applyAlignment="1">
      <alignment horizontal="center" vertical="center" wrapText="1"/>
    </xf>
    <xf numFmtId="180" fontId="35" fillId="0" borderId="44" xfId="0" applyNumberFormat="1" applyFont="1" applyBorder="1" applyAlignment="1">
      <alignment horizontal="center" vertical="center" wrapText="1"/>
    </xf>
    <xf numFmtId="180" fontId="35" fillId="0" borderId="48" xfId="0" applyNumberFormat="1" applyFont="1" applyBorder="1" applyAlignment="1">
      <alignment horizontal="center" vertical="center" wrapText="1"/>
    </xf>
    <xf numFmtId="180" fontId="36" fillId="0" borderId="38" xfId="0" applyNumberFormat="1" applyFont="1" applyBorder="1" applyAlignment="1">
      <alignment horizontal="left" vertical="center"/>
    </xf>
    <xf numFmtId="180" fontId="36" fillId="0" borderId="0" xfId="0" applyNumberFormat="1" applyFont="1" applyBorder="1" applyAlignment="1">
      <alignment horizontal="left" vertical="center"/>
    </xf>
    <xf numFmtId="180" fontId="46" fillId="3" borderId="6" xfId="0" applyNumberFormat="1" applyFont="1" applyFill="1" applyBorder="1" applyAlignment="1" applyProtection="1">
      <alignment horizontal="left" vertical="center" wrapText="1"/>
      <protection locked="0"/>
    </xf>
    <xf numFmtId="180" fontId="46" fillId="3" borderId="10" xfId="0" applyNumberFormat="1" applyFont="1" applyFill="1" applyBorder="1" applyAlignment="1" applyProtection="1">
      <alignment horizontal="left" vertical="center" wrapText="1"/>
      <protection locked="0"/>
    </xf>
    <xf numFmtId="180" fontId="46" fillId="3" borderId="11" xfId="0" applyNumberFormat="1" applyFont="1" applyFill="1" applyBorder="1" applyAlignment="1" applyProtection="1">
      <alignment horizontal="left" vertical="center" wrapText="1"/>
      <protection locked="0"/>
    </xf>
    <xf numFmtId="180" fontId="46" fillId="3" borderId="14" xfId="0" applyNumberFormat="1" applyFont="1" applyFill="1" applyBorder="1" applyAlignment="1" applyProtection="1">
      <alignment horizontal="left" vertical="center" wrapText="1"/>
      <protection locked="0"/>
    </xf>
    <xf numFmtId="180" fontId="46" fillId="3" borderId="77" xfId="0" applyNumberFormat="1" applyFont="1" applyFill="1" applyBorder="1" applyAlignment="1" applyProtection="1">
      <alignment horizontal="left" vertical="center" wrapText="1"/>
      <protection locked="0"/>
    </xf>
    <xf numFmtId="176" fontId="35" fillId="3" borderId="63" xfId="0" applyNumberFormat="1" applyFont="1" applyFill="1" applyBorder="1" applyAlignment="1" applyProtection="1">
      <alignment horizontal="left" vertical="center" wrapText="1"/>
      <protection locked="0"/>
    </xf>
    <xf numFmtId="176" fontId="35" fillId="3" borderId="7" xfId="0" applyNumberFormat="1" applyFont="1" applyFill="1" applyBorder="1" applyAlignment="1" applyProtection="1">
      <alignment horizontal="left" vertical="center" wrapText="1"/>
      <protection locked="0"/>
    </xf>
    <xf numFmtId="176" fontId="35" fillId="3" borderId="6" xfId="0" applyNumberFormat="1" applyFont="1" applyFill="1" applyBorder="1" applyAlignment="1" applyProtection="1">
      <alignment horizontal="left" vertical="center" wrapText="1"/>
      <protection locked="0"/>
    </xf>
    <xf numFmtId="176" fontId="35" fillId="3" borderId="56" xfId="0" applyNumberFormat="1" applyFont="1" applyFill="1" applyBorder="1" applyAlignment="1" applyProtection="1">
      <alignment horizontal="left" vertical="center" wrapText="1"/>
      <protection locked="0"/>
    </xf>
    <xf numFmtId="176" fontId="35" fillId="3" borderId="47" xfId="0" applyNumberFormat="1" applyFont="1" applyFill="1" applyBorder="1" applyAlignment="1" applyProtection="1">
      <alignment horizontal="left" vertical="center" wrapText="1"/>
      <protection locked="0"/>
    </xf>
    <xf numFmtId="176" fontId="35" fillId="3" borderId="45" xfId="0" applyNumberFormat="1" applyFont="1" applyFill="1" applyBorder="1" applyAlignment="1" applyProtection="1">
      <alignment horizontal="left" vertical="center" wrapText="1"/>
      <protection locked="0"/>
    </xf>
    <xf numFmtId="176" fontId="35" fillId="0" borderId="0" xfId="0" applyNumberFormat="1" applyFont="1" applyAlignment="1">
      <alignment horizontal="left" vertical="center" wrapText="1"/>
    </xf>
    <xf numFmtId="176" fontId="35" fillId="3" borderId="41" xfId="0" applyNumberFormat="1" applyFont="1" applyFill="1" applyBorder="1" applyAlignment="1" applyProtection="1">
      <alignment horizontal="center" vertical="center"/>
      <protection locked="0"/>
    </xf>
    <xf numFmtId="176" fontId="35" fillId="3" borderId="1" xfId="0" applyNumberFormat="1" applyFont="1" applyFill="1" applyBorder="1" applyAlignment="1" applyProtection="1">
      <alignment horizontal="center" vertical="center"/>
      <protection locked="0"/>
    </xf>
    <xf numFmtId="176" fontId="35" fillId="3" borderId="43" xfId="0" applyNumberFormat="1" applyFont="1" applyFill="1" applyBorder="1" applyAlignment="1" applyProtection="1">
      <alignment horizontal="center" vertical="center"/>
      <protection locked="0"/>
    </xf>
    <xf numFmtId="176" fontId="35" fillId="3" borderId="44" xfId="0" applyNumberFormat="1" applyFont="1" applyFill="1" applyBorder="1" applyAlignment="1" applyProtection="1">
      <alignment horizontal="center" vertical="center"/>
      <protection locked="0"/>
    </xf>
    <xf numFmtId="38" fontId="43" fillId="3" borderId="56" xfId="1" applyFont="1" applyFill="1" applyBorder="1" applyAlignment="1" applyProtection="1">
      <alignment horizontal="right" vertical="center" wrapText="1"/>
      <protection locked="0"/>
    </xf>
    <xf numFmtId="38" fontId="43" fillId="3" borderId="57" xfId="1" applyFont="1" applyFill="1" applyBorder="1" applyAlignment="1" applyProtection="1">
      <alignment horizontal="right" vertical="center" wrapText="1"/>
      <protection locked="0"/>
    </xf>
    <xf numFmtId="176" fontId="43" fillId="0" borderId="38" xfId="0" applyNumberFormat="1" applyFont="1" applyFill="1" applyBorder="1" applyAlignment="1">
      <alignment horizontal="center" vertical="center"/>
    </xf>
    <xf numFmtId="176" fontId="35" fillId="3" borderId="61" xfId="0" applyNumberFormat="1" applyFont="1" applyFill="1" applyBorder="1" applyAlignment="1" applyProtection="1">
      <alignment horizontal="center" vertical="center"/>
      <protection locked="0"/>
    </xf>
    <xf numFmtId="176" fontId="35" fillId="3" borderId="62" xfId="0" applyNumberFormat="1" applyFont="1" applyFill="1" applyBorder="1" applyAlignment="1" applyProtection="1">
      <alignment horizontal="center" vertical="center"/>
      <protection locked="0"/>
    </xf>
    <xf numFmtId="176" fontId="47" fillId="0" borderId="0" xfId="0" applyNumberFormat="1" applyFont="1" applyAlignment="1">
      <alignment horizontal="center" vertical="center"/>
    </xf>
    <xf numFmtId="176" fontId="43" fillId="0" borderId="0" xfId="0" applyNumberFormat="1" applyFont="1" applyAlignment="1">
      <alignment horizontal="center" vertical="center" wrapText="1"/>
    </xf>
    <xf numFmtId="176" fontId="43" fillId="8" borderId="49" xfId="0" applyNumberFormat="1" applyFont="1" applyFill="1" applyBorder="1" applyAlignment="1">
      <alignment horizontal="center" vertical="center" wrapText="1"/>
    </xf>
    <xf numFmtId="176" fontId="43" fillId="8" borderId="26" xfId="0" applyNumberFormat="1" applyFont="1" applyFill="1" applyBorder="1" applyAlignment="1">
      <alignment horizontal="center" vertical="center" wrapText="1"/>
    </xf>
    <xf numFmtId="38" fontId="43" fillId="3" borderId="53" xfId="1" applyFont="1" applyFill="1" applyBorder="1" applyAlignment="1" applyProtection="1">
      <alignment horizontal="right" vertical="center" wrapText="1"/>
      <protection locked="0"/>
    </xf>
    <xf numFmtId="38" fontId="43" fillId="3" borderId="55" xfId="1" applyFont="1" applyFill="1" applyBorder="1" applyAlignment="1" applyProtection="1">
      <alignment horizontal="right" vertical="center" wrapText="1"/>
      <protection locked="0"/>
    </xf>
    <xf numFmtId="176" fontId="60" fillId="3" borderId="10" xfId="0" applyNumberFormat="1" applyFont="1" applyFill="1" applyBorder="1" applyAlignment="1" applyProtection="1">
      <alignment horizontal="left" vertical="center" wrapText="1"/>
      <protection locked="0"/>
    </xf>
    <xf numFmtId="176" fontId="60" fillId="3" borderId="14" xfId="0" applyNumberFormat="1" applyFont="1" applyFill="1" applyBorder="1" applyAlignment="1" applyProtection="1">
      <alignment horizontal="left" vertical="center" wrapText="1"/>
      <protection locked="0"/>
    </xf>
    <xf numFmtId="176" fontId="35" fillId="0" borderId="1" xfId="0" applyNumberFormat="1" applyFont="1" applyFill="1" applyBorder="1" applyAlignment="1">
      <alignment horizontal="left" vertical="center" wrapText="1"/>
    </xf>
    <xf numFmtId="176" fontId="35" fillId="0" borderId="50" xfId="0" applyNumberFormat="1" applyFont="1" applyFill="1" applyBorder="1" applyAlignment="1">
      <alignment horizontal="left" vertical="center" wrapText="1"/>
    </xf>
    <xf numFmtId="176" fontId="35" fillId="0" borderId="44" xfId="0" applyNumberFormat="1" applyFont="1" applyFill="1" applyBorder="1" applyAlignment="1">
      <alignment horizontal="left" vertical="center"/>
    </xf>
    <xf numFmtId="176" fontId="35" fillId="0" borderId="48" xfId="0" applyNumberFormat="1" applyFont="1" applyFill="1" applyBorder="1" applyAlignment="1">
      <alignment horizontal="left" vertical="center"/>
    </xf>
    <xf numFmtId="176" fontId="36" fillId="8" borderId="23" xfId="0" applyNumberFormat="1" applyFont="1" applyFill="1" applyBorder="1" applyAlignment="1">
      <alignment horizontal="center" vertical="center"/>
    </xf>
    <xf numFmtId="176" fontId="36" fillId="8" borderId="24" xfId="0" applyNumberFormat="1" applyFont="1" applyFill="1" applyBorder="1" applyAlignment="1">
      <alignment horizontal="center" vertical="center"/>
    </xf>
    <xf numFmtId="176" fontId="36" fillId="8" borderId="39" xfId="0" applyNumberFormat="1" applyFont="1" applyFill="1" applyBorder="1" applyAlignment="1">
      <alignment horizontal="center" vertical="center" wrapText="1"/>
    </xf>
    <xf numFmtId="176" fontId="36" fillId="8" borderId="24" xfId="0" applyNumberFormat="1" applyFont="1" applyFill="1" applyBorder="1" applyAlignment="1">
      <alignment horizontal="left" vertical="center"/>
    </xf>
    <xf numFmtId="176" fontId="36" fillId="8" borderId="51" xfId="0" applyNumberFormat="1" applyFont="1" applyFill="1" applyBorder="1" applyAlignment="1">
      <alignment horizontal="left" vertical="center"/>
    </xf>
    <xf numFmtId="176" fontId="35" fillId="3" borderId="10" xfId="0" applyNumberFormat="1" applyFont="1" applyFill="1" applyBorder="1" applyAlignment="1" applyProtection="1">
      <alignment horizontal="left" vertical="center" wrapText="1"/>
      <protection locked="0"/>
    </xf>
    <xf numFmtId="176" fontId="35" fillId="3" borderId="14" xfId="0" applyNumberFormat="1" applyFont="1" applyFill="1" applyBorder="1" applyAlignment="1" applyProtection="1">
      <alignment horizontal="left" vertical="center" wrapText="1"/>
      <protection locked="0"/>
    </xf>
    <xf numFmtId="176" fontId="35" fillId="3" borderId="77" xfId="0" applyNumberFormat="1" applyFont="1" applyFill="1" applyBorder="1" applyAlignment="1" applyProtection="1">
      <alignment horizontal="left" vertical="center" wrapText="1"/>
      <protection locked="0"/>
    </xf>
    <xf numFmtId="176" fontId="36" fillId="8" borderId="25" xfId="0" applyNumberFormat="1" applyFont="1" applyFill="1" applyBorder="1" applyAlignment="1">
      <alignment horizontal="center" vertical="center"/>
    </xf>
    <xf numFmtId="187" fontId="35" fillId="3" borderId="6" xfId="0" applyNumberFormat="1" applyFont="1" applyFill="1" applyBorder="1" applyAlignment="1" applyProtection="1">
      <alignment horizontal="center" vertical="center"/>
      <protection locked="0"/>
    </xf>
    <xf numFmtId="187" fontId="35" fillId="3" borderId="12" xfId="0" applyNumberFormat="1" applyFont="1" applyFill="1" applyBorder="1" applyAlignment="1" applyProtection="1">
      <alignment horizontal="center" vertical="center"/>
      <protection locked="0"/>
    </xf>
    <xf numFmtId="187" fontId="35" fillId="3" borderId="7" xfId="0" applyNumberFormat="1" applyFont="1" applyFill="1" applyBorder="1" applyAlignment="1" applyProtection="1">
      <alignment horizontal="center" vertical="center"/>
      <protection locked="0"/>
    </xf>
    <xf numFmtId="187" fontId="35" fillId="3" borderId="45" xfId="0" applyNumberFormat="1" applyFont="1" applyFill="1" applyBorder="1" applyAlignment="1" applyProtection="1">
      <alignment horizontal="center" vertical="center"/>
      <protection locked="0"/>
    </xf>
    <xf numFmtId="187" fontId="35" fillId="3" borderId="46" xfId="0" applyNumberFormat="1" applyFont="1" applyFill="1" applyBorder="1" applyAlignment="1" applyProtection="1">
      <alignment horizontal="center" vertical="center"/>
      <protection locked="0"/>
    </xf>
    <xf numFmtId="187" fontId="35" fillId="3" borderId="47" xfId="0" applyNumberFormat="1" applyFont="1" applyFill="1" applyBorder="1" applyAlignment="1" applyProtection="1">
      <alignment horizontal="center" vertical="center"/>
      <protection locked="0"/>
    </xf>
    <xf numFmtId="187" fontId="35" fillId="3" borderId="10" xfId="0" applyNumberFormat="1" applyFont="1" applyFill="1" applyBorder="1" applyAlignment="1" applyProtection="1">
      <alignment horizontal="center" vertical="center"/>
      <protection locked="0"/>
    </xf>
    <xf numFmtId="187" fontId="35" fillId="3" borderId="11" xfId="0" applyNumberFormat="1" applyFont="1" applyFill="1" applyBorder="1" applyAlignment="1" applyProtection="1">
      <alignment horizontal="center" vertical="center"/>
      <protection locked="0"/>
    </xf>
    <xf numFmtId="187" fontId="35" fillId="3" borderId="14" xfId="0" applyNumberFormat="1" applyFont="1" applyFill="1" applyBorder="1" applyAlignment="1" applyProtection="1">
      <alignment horizontal="center" vertical="center"/>
      <protection locked="0"/>
    </xf>
    <xf numFmtId="176" fontId="42" fillId="3" borderId="12" xfId="0" applyNumberFormat="1" applyFont="1" applyFill="1" applyBorder="1" applyAlignment="1" applyProtection="1">
      <alignment horizontal="left" vertical="center" wrapText="1"/>
      <protection locked="0"/>
    </xf>
    <xf numFmtId="176" fontId="42" fillId="3" borderId="46" xfId="0" applyNumberFormat="1" applyFont="1" applyFill="1" applyBorder="1" applyAlignment="1" applyProtection="1">
      <alignment horizontal="left" vertical="center" wrapText="1"/>
      <protection locked="0"/>
    </xf>
    <xf numFmtId="176" fontId="42" fillId="3" borderId="11" xfId="0" applyNumberFormat="1" applyFont="1" applyFill="1" applyBorder="1" applyAlignment="1" applyProtection="1">
      <alignment horizontal="left" vertical="center" wrapText="1"/>
      <protection locked="0"/>
    </xf>
    <xf numFmtId="176" fontId="42" fillId="3" borderId="77" xfId="0" applyNumberFormat="1" applyFont="1" applyFill="1" applyBorder="1" applyAlignment="1" applyProtection="1">
      <alignment horizontal="left" vertical="center" wrapText="1"/>
      <protection locked="0"/>
    </xf>
    <xf numFmtId="0" fontId="35" fillId="0" borderId="92" xfId="0" applyFont="1" applyBorder="1" applyAlignment="1">
      <alignment horizontal="left" vertical="center" wrapText="1"/>
    </xf>
    <xf numFmtId="0" fontId="35" fillId="0" borderId="93" xfId="0" applyFont="1" applyBorder="1" applyAlignment="1">
      <alignment horizontal="left" vertical="center" wrapText="1"/>
    </xf>
    <xf numFmtId="0" fontId="35" fillId="0" borderId="94" xfId="0" applyFont="1" applyBorder="1" applyAlignment="1">
      <alignment horizontal="left" vertical="center" wrapText="1"/>
    </xf>
    <xf numFmtId="0" fontId="35" fillId="0" borderId="95" xfId="0" applyFont="1" applyBorder="1" applyAlignment="1">
      <alignment horizontal="left" vertical="center" wrapText="1"/>
    </xf>
    <xf numFmtId="0" fontId="35" fillId="0" borderId="96" xfId="0" applyFont="1" applyBorder="1" applyAlignment="1">
      <alignment horizontal="left" vertical="center" wrapText="1"/>
    </xf>
    <xf numFmtId="0" fontId="35" fillId="0" borderId="97" xfId="0" applyFont="1" applyBorder="1" applyAlignment="1">
      <alignment horizontal="left" vertical="center" wrapText="1"/>
    </xf>
    <xf numFmtId="176" fontId="36" fillId="8" borderId="24" xfId="0" applyNumberFormat="1" applyFont="1" applyFill="1" applyBorder="1" applyAlignment="1">
      <alignment horizontal="center" vertical="center" wrapText="1"/>
    </xf>
    <xf numFmtId="176" fontId="36" fillId="8" borderId="51" xfId="0" applyNumberFormat="1" applyFont="1" applyFill="1" applyBorder="1" applyAlignment="1">
      <alignment horizontal="center" vertical="center" wrapText="1"/>
    </xf>
    <xf numFmtId="176" fontId="35" fillId="0" borderId="1" xfId="0" applyNumberFormat="1" applyFont="1" applyBorder="1" applyAlignment="1">
      <alignment horizontal="center" vertical="center" wrapText="1"/>
    </xf>
    <xf numFmtId="176" fontId="35" fillId="0" borderId="50" xfId="0" applyNumberFormat="1" applyFont="1" applyBorder="1" applyAlignment="1">
      <alignment horizontal="center" vertical="center" wrapText="1"/>
    </xf>
    <xf numFmtId="176" fontId="35" fillId="0" borderId="44" xfId="0" applyNumberFormat="1" applyFont="1" applyBorder="1" applyAlignment="1">
      <alignment horizontal="center" vertical="center" wrapText="1"/>
    </xf>
    <xf numFmtId="176" fontId="35" fillId="0" borderId="48" xfId="0" applyNumberFormat="1" applyFont="1" applyBorder="1" applyAlignment="1">
      <alignment horizontal="center" vertical="center" wrapText="1"/>
    </xf>
    <xf numFmtId="176" fontId="36" fillId="8" borderId="73" xfId="0" applyNumberFormat="1" applyFont="1" applyFill="1" applyBorder="1" applyAlignment="1">
      <alignment horizontal="center" vertical="center" wrapText="1"/>
    </xf>
    <xf numFmtId="176" fontId="36" fillId="8" borderId="52" xfId="0" applyNumberFormat="1" applyFont="1" applyFill="1" applyBorder="1" applyAlignment="1">
      <alignment horizontal="center" vertical="center" wrapText="1"/>
    </xf>
    <xf numFmtId="176" fontId="36" fillId="8" borderId="76" xfId="0" applyNumberFormat="1" applyFont="1" applyFill="1" applyBorder="1" applyAlignment="1">
      <alignment horizontal="center" vertical="center" wrapText="1"/>
    </xf>
    <xf numFmtId="176" fontId="46" fillId="3" borderId="41" xfId="0" applyNumberFormat="1" applyFont="1" applyFill="1" applyBorder="1" applyAlignment="1" applyProtection="1">
      <alignment horizontal="left" vertical="center" wrapText="1"/>
      <protection locked="0"/>
    </xf>
    <xf numFmtId="176" fontId="46" fillId="3" borderId="1" xfId="0" applyNumberFormat="1" applyFont="1" applyFill="1" applyBorder="1" applyAlignment="1" applyProtection="1">
      <alignment horizontal="left" vertical="center" wrapText="1"/>
      <protection locked="0"/>
    </xf>
    <xf numFmtId="176" fontId="46" fillId="3" borderId="6" xfId="0" applyNumberFormat="1" applyFont="1" applyFill="1" applyBorder="1" applyAlignment="1" applyProtection="1">
      <alignment horizontal="left" vertical="center" wrapText="1"/>
      <protection locked="0"/>
    </xf>
    <xf numFmtId="176" fontId="46" fillId="3" borderId="12" xfId="0" applyNumberFormat="1" applyFont="1" applyFill="1" applyBorder="1" applyAlignment="1" applyProtection="1">
      <alignment horizontal="left" vertical="center" wrapText="1"/>
      <protection locked="0"/>
    </xf>
    <xf numFmtId="176" fontId="46" fillId="3" borderId="7" xfId="0" applyNumberFormat="1" applyFont="1" applyFill="1" applyBorder="1" applyAlignment="1" applyProtection="1">
      <alignment horizontal="left" vertical="center" wrapText="1"/>
      <protection locked="0"/>
    </xf>
    <xf numFmtId="176" fontId="35" fillId="3" borderId="6" xfId="0" applyNumberFormat="1" applyFont="1" applyFill="1" applyBorder="1" applyAlignment="1" applyProtection="1">
      <alignment horizontal="right" vertical="center"/>
      <protection locked="0"/>
    </xf>
    <xf numFmtId="176" fontId="35" fillId="3" borderId="12" xfId="0" applyNumberFormat="1" applyFont="1" applyFill="1" applyBorder="1" applyAlignment="1" applyProtection="1">
      <alignment horizontal="right" vertical="center"/>
      <protection locked="0"/>
    </xf>
    <xf numFmtId="176" fontId="35" fillId="3" borderId="7" xfId="0" applyNumberFormat="1" applyFont="1" applyFill="1" applyBorder="1" applyAlignment="1" applyProtection="1">
      <alignment horizontal="right" vertical="center"/>
      <protection locked="0"/>
    </xf>
    <xf numFmtId="38" fontId="35" fillId="3" borderId="6" xfId="1" applyFont="1" applyFill="1" applyBorder="1" applyAlignment="1" applyProtection="1">
      <alignment horizontal="right" vertical="center"/>
      <protection locked="0"/>
    </xf>
    <xf numFmtId="38" fontId="35" fillId="3" borderId="12" xfId="1" applyFont="1" applyFill="1" applyBorder="1" applyAlignment="1" applyProtection="1">
      <alignment horizontal="right" vertical="center"/>
      <protection locked="0"/>
    </xf>
    <xf numFmtId="38" fontId="35" fillId="3" borderId="7" xfId="1" applyFont="1" applyFill="1" applyBorder="1" applyAlignment="1" applyProtection="1">
      <alignment horizontal="right" vertical="center"/>
      <protection locked="0"/>
    </xf>
    <xf numFmtId="38" fontId="35" fillId="0" borderId="6" xfId="1" applyFont="1" applyFill="1" applyBorder="1" applyAlignment="1">
      <alignment horizontal="right" vertical="center"/>
    </xf>
    <xf numFmtId="38" fontId="35" fillId="0" borderId="12" xfId="1" applyFont="1" applyFill="1" applyBorder="1" applyAlignment="1">
      <alignment horizontal="right" vertical="center"/>
    </xf>
    <xf numFmtId="176" fontId="41" fillId="0" borderId="0" xfId="0" applyNumberFormat="1" applyFont="1" applyAlignment="1">
      <alignment horizontal="center" vertical="center" wrapText="1"/>
    </xf>
    <xf numFmtId="176" fontId="36" fillId="8" borderId="23" xfId="0" applyNumberFormat="1" applyFont="1" applyFill="1" applyBorder="1" applyAlignment="1" applyProtection="1">
      <alignment horizontal="center" vertical="center"/>
    </xf>
    <xf numFmtId="176" fontId="36" fillId="8" borderId="24" xfId="0" applyNumberFormat="1" applyFont="1" applyFill="1" applyBorder="1" applyAlignment="1" applyProtection="1">
      <alignment horizontal="center" vertical="center"/>
    </xf>
    <xf numFmtId="176" fontId="47" fillId="0" borderId="38" xfId="0" applyNumberFormat="1" applyFont="1" applyBorder="1" applyAlignment="1">
      <alignment horizontal="center" vertical="center"/>
    </xf>
    <xf numFmtId="38" fontId="47" fillId="3" borderId="58" xfId="1" applyFont="1" applyFill="1" applyBorder="1" applyAlignment="1" applyProtection="1">
      <alignment horizontal="right" vertical="center"/>
      <protection locked="0"/>
    </xf>
    <xf numFmtId="38" fontId="47" fillId="3" borderId="52" xfId="1" applyFont="1" applyFill="1" applyBorder="1" applyAlignment="1" applyProtection="1">
      <alignment horizontal="right" vertical="center"/>
      <protection locked="0"/>
    </xf>
    <xf numFmtId="38" fontId="47" fillId="3" borderId="59" xfId="1" applyFont="1" applyFill="1" applyBorder="1" applyAlignment="1" applyProtection="1">
      <alignment horizontal="right" vertical="center"/>
      <protection locked="0"/>
    </xf>
    <xf numFmtId="38" fontId="47" fillId="3" borderId="60" xfId="1" applyFont="1" applyFill="1" applyBorder="1" applyAlignment="1" applyProtection="1">
      <alignment horizontal="right" vertical="center"/>
      <protection locked="0"/>
    </xf>
    <xf numFmtId="38" fontId="47" fillId="3" borderId="0" xfId="1" applyFont="1" applyFill="1" applyBorder="1" applyAlignment="1" applyProtection="1">
      <alignment horizontal="right" vertical="center"/>
      <protection locked="0"/>
    </xf>
    <xf numFmtId="38" fontId="47" fillId="3" borderId="28" xfId="1" applyFont="1" applyFill="1" applyBorder="1" applyAlignment="1" applyProtection="1">
      <alignment horizontal="right" vertical="center"/>
      <protection locked="0"/>
    </xf>
    <xf numFmtId="38" fontId="47" fillId="3" borderId="61" xfId="1" applyFont="1" applyFill="1" applyBorder="1" applyAlignment="1" applyProtection="1">
      <alignment horizontal="right" vertical="center"/>
      <protection locked="0"/>
    </xf>
    <xf numFmtId="38" fontId="47" fillId="3" borderId="38" xfId="1" applyFont="1" applyFill="1" applyBorder="1" applyAlignment="1" applyProtection="1">
      <alignment horizontal="right" vertical="center"/>
      <protection locked="0"/>
    </xf>
    <xf numFmtId="38" fontId="47" fillId="3" borderId="62" xfId="1" applyFont="1" applyFill="1" applyBorder="1" applyAlignment="1" applyProtection="1">
      <alignment horizontal="right" vertical="center"/>
      <protection locked="0"/>
    </xf>
    <xf numFmtId="176" fontId="47" fillId="0" borderId="60" xfId="0" applyNumberFormat="1" applyFont="1" applyBorder="1" applyAlignment="1">
      <alignment horizontal="center" vertical="center"/>
    </xf>
    <xf numFmtId="176" fontId="43" fillId="0" borderId="38" xfId="0" applyNumberFormat="1" applyFont="1" applyBorder="1" applyAlignment="1">
      <alignment horizontal="center" vertical="center"/>
    </xf>
    <xf numFmtId="180" fontId="42" fillId="0" borderId="53" xfId="0" applyNumberFormat="1" applyFont="1" applyFill="1" applyBorder="1" applyAlignment="1">
      <alignment horizontal="center" vertical="center" shrinkToFit="1"/>
    </xf>
    <xf numFmtId="180" fontId="42" fillId="0" borderId="54" xfId="0" applyNumberFormat="1" applyFont="1" applyFill="1" applyBorder="1" applyAlignment="1">
      <alignment horizontal="center" vertical="center" shrinkToFit="1"/>
    </xf>
    <xf numFmtId="180" fontId="42" fillId="0" borderId="55" xfId="0" applyNumberFormat="1" applyFont="1" applyFill="1" applyBorder="1" applyAlignment="1">
      <alignment horizontal="center" vertical="center" shrinkToFit="1"/>
    </xf>
    <xf numFmtId="180" fontId="42" fillId="8" borderId="53" xfId="0" applyNumberFormat="1" applyFont="1" applyFill="1" applyBorder="1" applyAlignment="1">
      <alignment horizontal="center" vertical="center" wrapText="1"/>
    </xf>
    <xf numFmtId="180" fontId="42" fillId="8" borderId="54" xfId="0" applyNumberFormat="1" applyFont="1" applyFill="1" applyBorder="1" applyAlignment="1">
      <alignment horizontal="center" vertical="center" wrapText="1"/>
    </xf>
    <xf numFmtId="180" fontId="42" fillId="8" borderId="55" xfId="0" applyNumberFormat="1" applyFont="1" applyFill="1" applyBorder="1" applyAlignment="1">
      <alignment horizontal="center" vertical="center" wrapText="1"/>
    </xf>
    <xf numFmtId="180" fontId="42" fillId="8" borderId="53" xfId="0" applyNumberFormat="1" applyFont="1" applyFill="1" applyBorder="1" applyAlignment="1">
      <alignment horizontal="center" vertical="center"/>
    </xf>
    <xf numFmtId="180" fontId="42" fillId="8" borderId="54" xfId="0" applyNumberFormat="1" applyFont="1" applyFill="1" applyBorder="1" applyAlignment="1">
      <alignment horizontal="center" vertical="center"/>
    </xf>
    <xf numFmtId="180" fontId="42" fillId="8" borderId="55" xfId="0" applyNumberFormat="1" applyFont="1" applyFill="1" applyBorder="1" applyAlignment="1">
      <alignment horizontal="center" vertical="center"/>
    </xf>
    <xf numFmtId="176" fontId="35" fillId="3" borderId="58" xfId="0" applyNumberFormat="1" applyFont="1" applyFill="1" applyBorder="1" applyAlignment="1" applyProtection="1">
      <alignment horizontal="left" vertical="center" wrapText="1"/>
      <protection locked="0"/>
    </xf>
    <xf numFmtId="176" fontId="35" fillId="3" borderId="52" xfId="0" applyNumberFormat="1" applyFont="1" applyFill="1" applyBorder="1" applyAlignment="1" applyProtection="1">
      <alignment horizontal="left" vertical="center" wrapText="1"/>
      <protection locked="0"/>
    </xf>
    <xf numFmtId="176" fontId="35" fillId="3" borderId="59" xfId="0" applyNumberFormat="1" applyFont="1" applyFill="1" applyBorder="1" applyAlignment="1" applyProtection="1">
      <alignment horizontal="left" vertical="center" wrapText="1"/>
      <protection locked="0"/>
    </xf>
    <xf numFmtId="176" fontId="35" fillId="3" borderId="61" xfId="0" applyNumberFormat="1" applyFont="1" applyFill="1" applyBorder="1" applyAlignment="1" applyProtection="1">
      <alignment horizontal="left" vertical="center" wrapText="1"/>
      <protection locked="0"/>
    </xf>
    <xf numFmtId="176" fontId="35" fillId="3" borderId="38" xfId="0" applyNumberFormat="1" applyFont="1" applyFill="1" applyBorder="1" applyAlignment="1" applyProtection="1">
      <alignment horizontal="left" vertical="center" wrapText="1"/>
      <protection locked="0"/>
    </xf>
    <xf numFmtId="176" fontId="35" fillId="3" borderId="62" xfId="0" applyNumberFormat="1" applyFont="1" applyFill="1" applyBorder="1" applyAlignment="1" applyProtection="1">
      <alignment horizontal="left" vertical="center" wrapText="1"/>
      <protection locked="0"/>
    </xf>
    <xf numFmtId="176" fontId="46" fillId="3" borderId="43" xfId="0" applyNumberFormat="1" applyFont="1" applyFill="1" applyBorder="1" applyAlignment="1" applyProtection="1">
      <alignment horizontal="left" vertical="center" wrapText="1"/>
      <protection locked="0"/>
    </xf>
    <xf numFmtId="176" fontId="46" fillId="3" borderId="44" xfId="0" applyNumberFormat="1" applyFont="1" applyFill="1" applyBorder="1" applyAlignment="1" applyProtection="1">
      <alignment horizontal="left" vertical="center" wrapText="1"/>
      <protection locked="0"/>
    </xf>
    <xf numFmtId="176" fontId="36" fillId="8" borderId="25" xfId="0" applyNumberFormat="1" applyFont="1" applyFill="1" applyBorder="1" applyAlignment="1">
      <alignment horizontal="center" vertical="center" wrapText="1"/>
    </xf>
    <xf numFmtId="176" fontId="35" fillId="3" borderId="42" xfId="0" applyNumberFormat="1" applyFont="1" applyFill="1" applyBorder="1" applyAlignment="1" applyProtection="1">
      <alignment horizontal="left" vertical="center" wrapText="1"/>
      <protection locked="0"/>
    </xf>
    <xf numFmtId="38" fontId="35" fillId="3" borderId="6" xfId="1" applyFont="1" applyFill="1" applyBorder="1" applyAlignment="1" applyProtection="1">
      <alignment horizontal="right" vertical="center" shrinkToFit="1"/>
      <protection locked="0"/>
    </xf>
    <xf numFmtId="38" fontId="35" fillId="3" borderId="12" xfId="1" applyFont="1" applyFill="1" applyBorder="1" applyAlignment="1" applyProtection="1">
      <alignment horizontal="right" vertical="center" shrinkToFit="1"/>
      <protection locked="0"/>
    </xf>
    <xf numFmtId="38" fontId="35" fillId="3" borderId="7" xfId="1" applyFont="1" applyFill="1" applyBorder="1" applyAlignment="1" applyProtection="1">
      <alignment horizontal="right" vertical="center" shrinkToFit="1"/>
      <protection locked="0"/>
    </xf>
    <xf numFmtId="176" fontId="35" fillId="3" borderId="10" xfId="0" applyNumberFormat="1" applyFont="1" applyFill="1" applyBorder="1" applyAlignment="1" applyProtection="1">
      <alignment horizontal="right" vertical="center"/>
      <protection locked="0"/>
    </xf>
    <xf numFmtId="176" fontId="35" fillId="3" borderId="11" xfId="0" applyNumberFormat="1" applyFont="1" applyFill="1" applyBorder="1" applyAlignment="1" applyProtection="1">
      <alignment horizontal="right" vertical="center"/>
      <protection locked="0"/>
    </xf>
    <xf numFmtId="38" fontId="35" fillId="3" borderId="10" xfId="1" applyFont="1" applyFill="1" applyBorder="1" applyAlignment="1" applyProtection="1">
      <alignment horizontal="right" vertical="center" shrinkToFit="1"/>
      <protection locked="0"/>
    </xf>
    <xf numFmtId="38" fontId="35" fillId="3" borderId="11" xfId="1" applyFont="1" applyFill="1" applyBorder="1" applyAlignment="1" applyProtection="1">
      <alignment horizontal="right" vertical="center" shrinkToFit="1"/>
      <protection locked="0"/>
    </xf>
    <xf numFmtId="38" fontId="35" fillId="3" borderId="14" xfId="1" applyFont="1" applyFill="1" applyBorder="1" applyAlignment="1" applyProtection="1">
      <alignment horizontal="right" vertical="center" shrinkToFit="1"/>
      <protection locked="0"/>
    </xf>
    <xf numFmtId="176" fontId="46" fillId="3" borderId="31" xfId="0" applyNumberFormat="1" applyFont="1" applyFill="1" applyBorder="1" applyAlignment="1" applyProtection="1">
      <alignment horizontal="left" vertical="center" wrapText="1"/>
      <protection locked="0"/>
    </xf>
    <xf numFmtId="176" fontId="46" fillId="3" borderId="3" xfId="0" applyNumberFormat="1" applyFont="1" applyFill="1" applyBorder="1" applyAlignment="1" applyProtection="1">
      <alignment horizontal="left" vertical="center" wrapText="1"/>
      <protection locked="0"/>
    </xf>
    <xf numFmtId="176" fontId="36" fillId="8" borderId="40" xfId="0" applyNumberFormat="1" applyFont="1" applyFill="1" applyBorder="1" applyAlignment="1">
      <alignment horizontal="center" vertical="center" wrapText="1"/>
    </xf>
    <xf numFmtId="176" fontId="45" fillId="8" borderId="25" xfId="0" applyNumberFormat="1" applyFont="1" applyFill="1" applyBorder="1" applyAlignment="1">
      <alignment horizontal="center" vertical="center" wrapText="1"/>
    </xf>
    <xf numFmtId="176" fontId="45" fillId="8" borderId="26" xfId="0" applyNumberFormat="1" applyFont="1" applyFill="1" applyBorder="1" applyAlignment="1">
      <alignment horizontal="center" vertical="center" wrapText="1"/>
    </xf>
    <xf numFmtId="176" fontId="35" fillId="3" borderId="57" xfId="0" applyNumberFormat="1" applyFont="1" applyFill="1" applyBorder="1" applyAlignment="1" applyProtection="1">
      <alignment horizontal="left" vertical="center" wrapText="1"/>
      <protection locked="0"/>
    </xf>
    <xf numFmtId="176" fontId="35" fillId="3" borderId="86" xfId="0" applyNumberFormat="1" applyFont="1" applyFill="1" applyBorder="1" applyAlignment="1" applyProtection="1">
      <alignment horizontal="left" vertical="center" wrapText="1"/>
      <protection locked="0"/>
    </xf>
    <xf numFmtId="0" fontId="42" fillId="0" borderId="54" xfId="0" applyNumberFormat="1" applyFont="1" applyBorder="1" applyAlignment="1">
      <alignment horizontal="center" vertical="center" shrinkToFit="1"/>
    </xf>
    <xf numFmtId="176" fontId="35" fillId="3" borderId="45" xfId="0" applyNumberFormat="1" applyFont="1" applyFill="1" applyBorder="1" applyAlignment="1" applyProtection="1">
      <alignment horizontal="right" vertical="center"/>
      <protection locked="0"/>
    </xf>
    <xf numFmtId="176" fontId="35" fillId="3" borderId="46" xfId="0" applyNumberFormat="1" applyFont="1" applyFill="1" applyBorder="1" applyAlignment="1" applyProtection="1">
      <alignment horizontal="right" vertical="center"/>
      <protection locked="0"/>
    </xf>
    <xf numFmtId="176" fontId="35" fillId="3" borderId="47" xfId="0" applyNumberFormat="1" applyFont="1" applyFill="1" applyBorder="1" applyAlignment="1" applyProtection="1">
      <alignment horizontal="right" vertical="center"/>
      <protection locked="0"/>
    </xf>
    <xf numFmtId="38" fontId="35" fillId="3" borderId="45" xfId="1" applyFont="1" applyFill="1" applyBorder="1" applyAlignment="1" applyProtection="1">
      <alignment horizontal="right" vertical="center"/>
      <protection locked="0"/>
    </xf>
    <xf numFmtId="38" fontId="35" fillId="3" borderId="46" xfId="1" applyFont="1" applyFill="1" applyBorder="1" applyAlignment="1" applyProtection="1">
      <alignment horizontal="right" vertical="center"/>
      <protection locked="0"/>
    </xf>
    <xf numFmtId="38" fontId="35" fillId="3" borderId="47" xfId="1" applyFont="1" applyFill="1" applyBorder="1" applyAlignment="1" applyProtection="1">
      <alignment horizontal="right" vertical="center"/>
      <protection locked="0"/>
    </xf>
    <xf numFmtId="176" fontId="36" fillId="0" borderId="38" xfId="0" applyNumberFormat="1" applyFont="1" applyBorder="1" applyAlignment="1">
      <alignment horizontal="left" vertical="center"/>
    </xf>
    <xf numFmtId="176" fontId="46" fillId="3" borderId="45" xfId="0" applyNumberFormat="1" applyFont="1" applyFill="1" applyBorder="1" applyAlignment="1" applyProtection="1">
      <alignment horizontal="left" vertical="center" wrapText="1"/>
      <protection locked="0"/>
    </xf>
    <xf numFmtId="176" fontId="46" fillId="3" borderId="46" xfId="0" applyNumberFormat="1" applyFont="1" applyFill="1" applyBorder="1" applyAlignment="1" applyProtection="1">
      <alignment horizontal="left" vertical="center" wrapText="1"/>
      <protection locked="0"/>
    </xf>
    <xf numFmtId="176" fontId="46" fillId="3" borderId="47" xfId="0" applyNumberFormat="1" applyFont="1" applyFill="1" applyBorder="1" applyAlignment="1" applyProtection="1">
      <alignment horizontal="left" vertical="center" wrapText="1"/>
      <protection locked="0"/>
    </xf>
    <xf numFmtId="38" fontId="35" fillId="0" borderId="45" xfId="1" applyFont="1" applyFill="1" applyBorder="1" applyAlignment="1">
      <alignment horizontal="right" vertical="center"/>
    </xf>
    <xf numFmtId="38" fontId="35" fillId="0" borderId="46" xfId="1" applyFont="1" applyFill="1" applyBorder="1" applyAlignment="1">
      <alignment horizontal="right" vertical="center"/>
    </xf>
    <xf numFmtId="38" fontId="35" fillId="0" borderId="47" xfId="1" applyFont="1" applyFill="1" applyBorder="1" applyAlignment="1">
      <alignment horizontal="right" vertical="center"/>
    </xf>
    <xf numFmtId="38" fontId="35" fillId="3" borderId="45" xfId="1" applyFont="1" applyFill="1" applyBorder="1" applyAlignment="1" applyProtection="1">
      <alignment horizontal="right" vertical="center" shrinkToFit="1"/>
      <protection locked="0"/>
    </xf>
    <xf numFmtId="38" fontId="35" fillId="3" borderId="46" xfId="1" applyFont="1" applyFill="1" applyBorder="1" applyAlignment="1" applyProtection="1">
      <alignment horizontal="right" vertical="center" shrinkToFit="1"/>
      <protection locked="0"/>
    </xf>
    <xf numFmtId="38" fontId="35" fillId="3" borderId="47" xfId="1" applyFont="1" applyFill="1" applyBorder="1" applyAlignment="1" applyProtection="1">
      <alignment horizontal="right" vertical="center" shrinkToFit="1"/>
      <protection locked="0"/>
    </xf>
    <xf numFmtId="176" fontId="35" fillId="3" borderId="41" xfId="0" applyNumberFormat="1" applyFont="1" applyFill="1" applyBorder="1" applyAlignment="1" applyProtection="1">
      <alignment horizontal="center" vertical="center" wrapText="1"/>
      <protection locked="0"/>
    </xf>
    <xf numFmtId="176" fontId="35" fillId="3" borderId="1" xfId="0" applyNumberFormat="1" applyFont="1" applyFill="1" applyBorder="1" applyAlignment="1" applyProtection="1">
      <alignment horizontal="center" vertical="center" wrapText="1"/>
      <protection locked="0"/>
    </xf>
    <xf numFmtId="38" fontId="35" fillId="0" borderId="61" xfId="1" applyFont="1" applyFill="1" applyBorder="1" applyAlignment="1">
      <alignment horizontal="right" vertical="center"/>
    </xf>
    <xf numFmtId="38" fontId="35" fillId="0" borderId="38" xfId="1" applyFont="1" applyFill="1" applyBorder="1" applyAlignment="1">
      <alignment horizontal="right" vertical="center"/>
    </xf>
    <xf numFmtId="38" fontId="35" fillId="0" borderId="62" xfId="1" applyFont="1" applyFill="1" applyBorder="1" applyAlignment="1">
      <alignment horizontal="right" vertical="center"/>
    </xf>
    <xf numFmtId="176" fontId="46" fillId="3" borderId="10" xfId="0" applyNumberFormat="1" applyFont="1" applyFill="1" applyBorder="1" applyAlignment="1" applyProtection="1">
      <alignment horizontal="left" vertical="center" wrapText="1"/>
      <protection locked="0"/>
    </xf>
    <xf numFmtId="176" fontId="46" fillId="3" borderId="11" xfId="0" applyNumberFormat="1" applyFont="1" applyFill="1" applyBorder="1" applyAlignment="1" applyProtection="1">
      <alignment horizontal="left" vertical="center" wrapText="1"/>
      <protection locked="0"/>
    </xf>
    <xf numFmtId="176" fontId="46" fillId="3" borderId="14" xfId="0" applyNumberFormat="1" applyFont="1" applyFill="1" applyBorder="1" applyAlignment="1" applyProtection="1">
      <alignment horizontal="left" vertical="center" wrapText="1"/>
      <protection locked="0"/>
    </xf>
    <xf numFmtId="176" fontId="35" fillId="3" borderId="14" xfId="0" applyNumberFormat="1" applyFont="1" applyFill="1" applyBorder="1" applyAlignment="1" applyProtection="1">
      <alignment horizontal="right" vertical="center"/>
      <protection locked="0"/>
    </xf>
    <xf numFmtId="38" fontId="35" fillId="3" borderId="10" xfId="1" applyFont="1" applyFill="1" applyBorder="1" applyAlignment="1" applyProtection="1">
      <alignment horizontal="right" vertical="center"/>
      <protection locked="0"/>
    </xf>
    <xf numFmtId="38" fontId="35" fillId="3" borderId="11" xfId="1" applyFont="1" applyFill="1" applyBorder="1" applyAlignment="1" applyProtection="1">
      <alignment horizontal="right" vertical="center"/>
      <protection locked="0"/>
    </xf>
    <xf numFmtId="38" fontId="35" fillId="3" borderId="14" xfId="1" applyFont="1" applyFill="1" applyBorder="1" applyAlignment="1" applyProtection="1">
      <alignment horizontal="right" vertical="center"/>
      <protection locked="0"/>
    </xf>
    <xf numFmtId="38" fontId="35" fillId="0" borderId="10" xfId="1" applyFont="1" applyFill="1" applyBorder="1" applyAlignment="1">
      <alignment horizontal="right" vertical="center"/>
    </xf>
    <xf numFmtId="38" fontId="35" fillId="0" borderId="11" xfId="1" applyFont="1" applyFill="1" applyBorder="1" applyAlignment="1">
      <alignment horizontal="right" vertical="center"/>
    </xf>
    <xf numFmtId="176" fontId="35" fillId="3" borderId="53" xfId="0" applyNumberFormat="1" applyFont="1" applyFill="1" applyBorder="1" applyAlignment="1" applyProtection="1">
      <alignment horizontal="center" vertical="center"/>
      <protection locked="0"/>
    </xf>
    <xf numFmtId="176" fontId="35" fillId="3" borderId="54" xfId="0" applyNumberFormat="1" applyFont="1" applyFill="1" applyBorder="1" applyAlignment="1" applyProtection="1">
      <alignment horizontal="center" vertical="center"/>
      <protection locked="0"/>
    </xf>
    <xf numFmtId="176" fontId="35" fillId="3" borderId="55" xfId="0" applyNumberFormat="1" applyFont="1" applyFill="1" applyBorder="1" applyAlignment="1" applyProtection="1">
      <alignment horizontal="center" vertical="center"/>
      <protection locked="0"/>
    </xf>
    <xf numFmtId="176" fontId="35" fillId="3" borderId="43" xfId="0" applyNumberFormat="1" applyFont="1" applyFill="1" applyBorder="1" applyAlignment="1" applyProtection="1">
      <alignment horizontal="center" vertical="center" wrapText="1"/>
      <protection locked="0"/>
    </xf>
    <xf numFmtId="176" fontId="35" fillId="3" borderId="44" xfId="0" applyNumberFormat="1" applyFont="1" applyFill="1" applyBorder="1" applyAlignment="1" applyProtection="1">
      <alignment horizontal="center" vertical="center" wrapText="1"/>
      <protection locked="0"/>
    </xf>
    <xf numFmtId="38" fontId="43" fillId="3" borderId="60" xfId="1" applyFont="1" applyFill="1" applyBorder="1" applyAlignment="1" applyProtection="1">
      <alignment horizontal="right" vertical="center"/>
      <protection locked="0"/>
    </xf>
    <xf numFmtId="38" fontId="43" fillId="3" borderId="0" xfId="1" applyFont="1" applyFill="1" applyBorder="1" applyAlignment="1" applyProtection="1">
      <alignment horizontal="right" vertical="center"/>
      <protection locked="0"/>
    </xf>
    <xf numFmtId="38" fontId="43" fillId="3" borderId="28" xfId="1" applyFont="1" applyFill="1" applyBorder="1" applyAlignment="1" applyProtection="1">
      <alignment horizontal="right" vertical="center"/>
      <protection locked="0"/>
    </xf>
    <xf numFmtId="38" fontId="43" fillId="3" borderId="61" xfId="1" applyFont="1" applyFill="1" applyBorder="1" applyAlignment="1" applyProtection="1">
      <alignment horizontal="right" vertical="center"/>
      <protection locked="0"/>
    </xf>
    <xf numFmtId="38" fontId="43" fillId="3" borderId="38" xfId="1" applyFont="1" applyFill="1" applyBorder="1" applyAlignment="1" applyProtection="1">
      <alignment horizontal="right" vertical="center"/>
      <protection locked="0"/>
    </xf>
    <xf numFmtId="38" fontId="43" fillId="3" borderId="62" xfId="1" applyFont="1" applyFill="1" applyBorder="1" applyAlignment="1" applyProtection="1">
      <alignment horizontal="right" vertical="center"/>
      <protection locked="0"/>
    </xf>
    <xf numFmtId="176" fontId="35" fillId="0" borderId="60" xfId="0" applyNumberFormat="1" applyFont="1" applyBorder="1" applyAlignment="1">
      <alignment horizontal="center" vertical="center"/>
    </xf>
    <xf numFmtId="176" fontId="36" fillId="8" borderId="23" xfId="0" applyNumberFormat="1" applyFont="1" applyFill="1" applyBorder="1" applyAlignment="1">
      <alignment horizontal="center" vertical="center" wrapText="1"/>
    </xf>
    <xf numFmtId="49" fontId="72" fillId="0" borderId="11" xfId="10" applyNumberFormat="1" applyFont="1" applyBorder="1" applyAlignment="1">
      <alignment horizontal="center" vertical="center"/>
    </xf>
    <xf numFmtId="49" fontId="72" fillId="4" borderId="11" xfId="10" applyNumberFormat="1" applyFont="1" applyFill="1" applyBorder="1" applyAlignment="1">
      <alignment vertical="center"/>
    </xf>
    <xf numFmtId="49" fontId="74" fillId="0" borderId="0" xfId="10" applyNumberFormat="1" applyFont="1" applyAlignment="1">
      <alignment horizontal="center" vertical="center"/>
    </xf>
    <xf numFmtId="49" fontId="72" fillId="0" borderId="6" xfId="10" applyNumberFormat="1" applyFont="1" applyBorder="1" applyAlignment="1">
      <alignment horizontal="center" vertical="center"/>
    </xf>
    <xf numFmtId="49" fontId="72" fillId="0" borderId="7" xfId="10" applyNumberFormat="1" applyFont="1" applyBorder="1" applyAlignment="1">
      <alignment horizontal="center" vertical="center"/>
    </xf>
    <xf numFmtId="49" fontId="72" fillId="0" borderId="1" xfId="10" applyNumberFormat="1" applyFont="1" applyBorder="1" applyAlignment="1">
      <alignment horizontal="center" vertical="center" shrinkToFit="1"/>
    </xf>
    <xf numFmtId="49" fontId="72" fillId="0" borderId="1" xfId="10" applyNumberFormat="1" applyFont="1" applyBorder="1" applyAlignment="1">
      <alignment horizontal="center" vertical="center"/>
    </xf>
    <xf numFmtId="49" fontId="72" fillId="4" borderId="6" xfId="10" applyNumberFormat="1" applyFont="1" applyFill="1" applyBorder="1" applyAlignment="1">
      <alignment horizontal="right" vertical="center"/>
    </xf>
    <xf numFmtId="49" fontId="72" fillId="4" borderId="7" xfId="10" applyNumberFormat="1" applyFont="1" applyFill="1" applyBorder="1" applyAlignment="1">
      <alignment horizontal="right" vertical="center"/>
    </xf>
    <xf numFmtId="49" fontId="72" fillId="0" borderId="12" xfId="10" applyNumberFormat="1" applyFont="1" applyBorder="1" applyAlignment="1">
      <alignment horizontal="center" vertical="center"/>
    </xf>
    <xf numFmtId="176" fontId="72" fillId="4" borderId="9" xfId="10" applyNumberFormat="1" applyFont="1" applyFill="1" applyBorder="1" applyAlignment="1">
      <alignment horizontal="left" vertical="center" wrapText="1"/>
    </xf>
    <xf numFmtId="176" fontId="72" fillId="4" borderId="89" xfId="10" applyNumberFormat="1" applyFont="1" applyFill="1" applyBorder="1" applyAlignment="1">
      <alignment horizontal="left" vertical="center" wrapText="1"/>
    </xf>
    <xf numFmtId="176" fontId="72" fillId="4" borderId="13" xfId="10" applyNumberFormat="1" applyFont="1" applyFill="1" applyBorder="1" applyAlignment="1">
      <alignment horizontal="left" vertical="center" wrapText="1"/>
    </xf>
    <xf numFmtId="176" fontId="72" fillId="4" borderId="4" xfId="10" applyNumberFormat="1" applyFont="1" applyFill="1" applyBorder="1" applyAlignment="1">
      <alignment horizontal="left" vertical="center" wrapText="1"/>
    </xf>
    <xf numFmtId="176" fontId="72" fillId="4" borderId="0" xfId="10" applyNumberFormat="1" applyFont="1" applyFill="1" applyBorder="1" applyAlignment="1">
      <alignment horizontal="left" vertical="center" wrapText="1"/>
    </xf>
    <xf numFmtId="176" fontId="72" fillId="4" borderId="5" xfId="10" applyNumberFormat="1" applyFont="1" applyFill="1" applyBorder="1" applyAlignment="1">
      <alignment horizontal="left" vertical="center" wrapText="1"/>
    </xf>
    <xf numFmtId="176" fontId="72" fillId="4" borderId="10" xfId="10" applyNumberFormat="1" applyFont="1" applyFill="1" applyBorder="1" applyAlignment="1">
      <alignment horizontal="left" vertical="center" wrapText="1"/>
    </xf>
    <xf numFmtId="176" fontId="72" fillId="4" borderId="11" xfId="10" applyNumberFormat="1" applyFont="1" applyFill="1" applyBorder="1" applyAlignment="1">
      <alignment horizontal="left" vertical="center" wrapText="1"/>
    </xf>
    <xf numFmtId="176" fontId="72" fillId="4" borderId="14" xfId="10" applyNumberFormat="1" applyFont="1" applyFill="1" applyBorder="1" applyAlignment="1">
      <alignment horizontal="left" vertical="center" wrapText="1"/>
    </xf>
    <xf numFmtId="0" fontId="72" fillId="4" borderId="9" xfId="10" applyNumberFormat="1" applyFont="1" applyFill="1" applyBorder="1" applyAlignment="1">
      <alignment horizontal="left" vertical="center" wrapText="1"/>
    </xf>
    <xf numFmtId="0" fontId="72" fillId="4" borderId="89" xfId="10" applyNumberFormat="1" applyFont="1" applyFill="1" applyBorder="1" applyAlignment="1">
      <alignment horizontal="left" vertical="center" wrapText="1"/>
    </xf>
    <xf numFmtId="0" fontId="72" fillId="4" borderId="13" xfId="10" applyNumberFormat="1" applyFont="1" applyFill="1" applyBorder="1" applyAlignment="1">
      <alignment horizontal="left" vertical="center" wrapText="1"/>
    </xf>
    <xf numFmtId="0" fontId="72" fillId="4" borderId="4" xfId="10" applyNumberFormat="1" applyFont="1" applyFill="1" applyBorder="1" applyAlignment="1">
      <alignment horizontal="left" vertical="center" wrapText="1"/>
    </xf>
    <xf numFmtId="0" fontId="72" fillId="4" borderId="0" xfId="10" applyNumberFormat="1" applyFont="1" applyFill="1" applyBorder="1" applyAlignment="1">
      <alignment horizontal="left" vertical="center" wrapText="1"/>
    </xf>
    <xf numFmtId="0" fontId="72" fillId="4" borderId="5" xfId="10" applyNumberFormat="1" applyFont="1" applyFill="1" applyBorder="1" applyAlignment="1">
      <alignment horizontal="left" vertical="center" wrapText="1"/>
    </xf>
    <xf numFmtId="0" fontId="72" fillId="4" borderId="10" xfId="10" applyNumberFormat="1" applyFont="1" applyFill="1" applyBorder="1" applyAlignment="1">
      <alignment horizontal="left" vertical="center" wrapText="1"/>
    </xf>
    <xf numFmtId="0" fontId="72" fillId="4" borderId="11" xfId="10" applyNumberFormat="1" applyFont="1" applyFill="1" applyBorder="1" applyAlignment="1">
      <alignment horizontal="left" vertical="center" wrapText="1"/>
    </xf>
    <xf numFmtId="0" fontId="72" fillId="4" borderId="14" xfId="10" applyNumberFormat="1" applyFont="1" applyFill="1" applyBorder="1" applyAlignment="1">
      <alignment horizontal="left" vertical="center" wrapText="1"/>
    </xf>
    <xf numFmtId="49" fontId="72" fillId="0" borderId="9" xfId="10" applyNumberFormat="1" applyFont="1" applyFill="1" applyBorder="1" applyAlignment="1">
      <alignment horizontal="center" vertical="center"/>
    </xf>
    <xf numFmtId="49" fontId="72" fillId="0" borderId="13" xfId="10" applyNumberFormat="1" applyFont="1" applyFill="1" applyBorder="1" applyAlignment="1">
      <alignment horizontal="center" vertical="center"/>
    </xf>
    <xf numFmtId="49" fontId="72" fillId="0" borderId="4" xfId="10" applyNumberFormat="1" applyFont="1" applyFill="1" applyBorder="1" applyAlignment="1">
      <alignment horizontal="center" vertical="center"/>
    </xf>
    <xf numFmtId="49" fontId="72" fillId="0" borderId="5" xfId="10" applyNumberFormat="1" applyFont="1" applyFill="1" applyBorder="1" applyAlignment="1">
      <alignment horizontal="center" vertical="center"/>
    </xf>
    <xf numFmtId="49" fontId="72" fillId="0" borderId="10" xfId="10" applyNumberFormat="1" applyFont="1" applyFill="1" applyBorder="1" applyAlignment="1">
      <alignment horizontal="center" vertical="center"/>
    </xf>
    <xf numFmtId="49" fontId="72" fillId="0" borderId="14" xfId="10" applyNumberFormat="1" applyFont="1" applyFill="1" applyBorder="1" applyAlignment="1">
      <alignment horizontal="center" vertical="center"/>
    </xf>
    <xf numFmtId="49" fontId="72" fillId="0" borderId="6" xfId="10" applyNumberFormat="1" applyFont="1" applyFill="1" applyBorder="1" applyAlignment="1">
      <alignment horizontal="left" vertical="center"/>
    </xf>
    <xf numFmtId="49" fontId="72" fillId="0" borderId="12" xfId="10" applyNumberFormat="1" applyFont="1" applyFill="1" applyBorder="1" applyAlignment="1">
      <alignment horizontal="left" vertical="center"/>
    </xf>
    <xf numFmtId="49" fontId="72" fillId="0" borderId="7" xfId="10" applyNumberFormat="1" applyFont="1" applyFill="1" applyBorder="1" applyAlignment="1">
      <alignment horizontal="left" vertical="center"/>
    </xf>
    <xf numFmtId="49" fontId="72" fillId="0" borderId="6" xfId="10" applyNumberFormat="1" applyFont="1" applyFill="1" applyBorder="1" applyAlignment="1">
      <alignment horizontal="center" vertical="center"/>
    </xf>
    <xf numFmtId="49" fontId="72" fillId="0" borderId="7" xfId="10" applyNumberFormat="1" applyFont="1" applyFill="1" applyBorder="1" applyAlignment="1">
      <alignment horizontal="center" vertical="center"/>
    </xf>
    <xf numFmtId="49" fontId="72" fillId="4" borderId="6" xfId="10" applyNumberFormat="1" applyFont="1" applyFill="1" applyBorder="1" applyAlignment="1">
      <alignment vertical="center"/>
    </xf>
    <xf numFmtId="49" fontId="72" fillId="4" borderId="7" xfId="10" applyNumberFormat="1" applyFont="1" applyFill="1" applyBorder="1" applyAlignment="1">
      <alignment vertical="center"/>
    </xf>
    <xf numFmtId="38" fontId="72" fillId="4" borderId="4" xfId="11" applyFont="1" applyFill="1" applyBorder="1" applyAlignment="1">
      <alignment vertical="center" shrinkToFit="1"/>
    </xf>
    <xf numFmtId="38" fontId="72" fillId="4" borderId="0" xfId="11" applyFont="1" applyFill="1" applyBorder="1" applyAlignment="1">
      <alignment vertical="center" shrinkToFit="1"/>
    </xf>
    <xf numFmtId="38" fontId="72" fillId="4" borderId="5" xfId="11" applyFont="1" applyFill="1" applyBorder="1" applyAlignment="1">
      <alignment vertical="center" shrinkToFit="1"/>
    </xf>
    <xf numFmtId="38" fontId="72" fillId="4" borderId="4" xfId="11" applyFont="1" applyFill="1" applyBorder="1" applyAlignment="1">
      <alignment vertical="center"/>
    </xf>
    <xf numFmtId="38" fontId="72" fillId="4" borderId="5" xfId="11" applyFont="1" applyFill="1" applyBorder="1" applyAlignment="1">
      <alignment vertical="center"/>
    </xf>
    <xf numFmtId="38" fontId="72" fillId="0" borderId="4" xfId="11" applyFont="1" applyFill="1" applyBorder="1" applyAlignment="1">
      <alignment vertical="center"/>
    </xf>
    <xf numFmtId="38" fontId="72" fillId="0" borderId="5" xfId="11" applyFont="1" applyFill="1" applyBorder="1" applyAlignment="1">
      <alignment vertical="center"/>
    </xf>
    <xf numFmtId="49" fontId="72" fillId="0" borderId="6" xfId="10" applyNumberFormat="1" applyFont="1" applyBorder="1" applyAlignment="1">
      <alignment horizontal="center" vertical="center" wrapText="1"/>
    </xf>
    <xf numFmtId="49" fontId="72" fillId="0" borderId="7" xfId="10" applyNumberFormat="1" applyFont="1" applyBorder="1" applyAlignment="1">
      <alignment horizontal="center" vertical="center" wrapText="1"/>
    </xf>
    <xf numFmtId="0" fontId="72" fillId="4" borderId="4" xfId="10" applyNumberFormat="1" applyFont="1" applyFill="1" applyBorder="1" applyAlignment="1">
      <alignment vertical="top" wrapText="1"/>
    </xf>
    <xf numFmtId="0" fontId="72" fillId="4" borderId="0" xfId="10" applyNumberFormat="1" applyFont="1" applyFill="1" applyBorder="1" applyAlignment="1">
      <alignment vertical="top" wrapText="1"/>
    </xf>
    <xf numFmtId="0" fontId="72" fillId="4" borderId="5" xfId="10" applyNumberFormat="1" applyFont="1" applyFill="1" applyBorder="1" applyAlignment="1">
      <alignment vertical="top" wrapText="1"/>
    </xf>
    <xf numFmtId="0" fontId="72" fillId="4" borderId="10" xfId="10" applyNumberFormat="1" applyFont="1" applyFill="1" applyBorder="1" applyAlignment="1">
      <alignment vertical="top" wrapText="1"/>
    </xf>
    <xf numFmtId="0" fontId="72" fillId="4" borderId="11" xfId="10" applyNumberFormat="1" applyFont="1" applyFill="1" applyBorder="1" applyAlignment="1">
      <alignment vertical="top" wrapText="1"/>
    </xf>
    <xf numFmtId="0" fontId="72" fillId="4" borderId="14" xfId="10" applyNumberFormat="1" applyFont="1" applyFill="1" applyBorder="1" applyAlignment="1">
      <alignment vertical="top" wrapText="1"/>
    </xf>
    <xf numFmtId="38" fontId="72" fillId="4" borderId="10" xfId="11" applyFont="1" applyFill="1" applyBorder="1" applyAlignment="1">
      <alignment vertical="center"/>
    </xf>
    <xf numFmtId="38" fontId="72" fillId="4" borderId="14" xfId="11" applyFont="1" applyFill="1" applyBorder="1" applyAlignment="1">
      <alignment vertical="center"/>
    </xf>
    <xf numFmtId="38" fontId="72" fillId="0" borderId="10" xfId="11" applyFont="1" applyFill="1" applyBorder="1" applyAlignment="1">
      <alignment horizontal="right" vertical="center"/>
    </xf>
    <xf numFmtId="38" fontId="72" fillId="0" borderId="11" xfId="11" applyFont="1" applyFill="1" applyBorder="1" applyAlignment="1">
      <alignment horizontal="right" vertical="center"/>
    </xf>
    <xf numFmtId="38" fontId="72" fillId="0" borderId="14" xfId="11" applyFont="1" applyFill="1" applyBorder="1" applyAlignment="1">
      <alignment horizontal="right" vertical="center"/>
    </xf>
    <xf numFmtId="38" fontId="72" fillId="4" borderId="10" xfId="11" applyFont="1" applyFill="1" applyBorder="1" applyAlignment="1">
      <alignment vertical="center" shrinkToFit="1"/>
    </xf>
    <xf numFmtId="38" fontId="72" fillId="4" borderId="11" xfId="11" applyFont="1" applyFill="1" applyBorder="1" applyAlignment="1">
      <alignment vertical="center" shrinkToFit="1"/>
    </xf>
    <xf numFmtId="38" fontId="72" fillId="4" borderId="14" xfId="11" applyFont="1" applyFill="1" applyBorder="1" applyAlignment="1">
      <alignment vertical="center" shrinkToFit="1"/>
    </xf>
    <xf numFmtId="38" fontId="72" fillId="0" borderId="10" xfId="11" applyFont="1" applyFill="1" applyBorder="1" applyAlignment="1">
      <alignment vertical="center"/>
    </xf>
    <xf numFmtId="38" fontId="72" fillId="0" borderId="14" xfId="11" applyFont="1" applyFill="1" applyBorder="1" applyAlignment="1">
      <alignment vertical="center"/>
    </xf>
    <xf numFmtId="38" fontId="72" fillId="4" borderId="4" xfId="11" applyFont="1" applyFill="1" applyBorder="1" applyAlignment="1">
      <alignment horizontal="left" vertical="center" shrinkToFit="1"/>
    </xf>
    <xf numFmtId="38" fontId="72" fillId="4" borderId="0" xfId="11" applyFont="1" applyFill="1" applyBorder="1" applyAlignment="1">
      <alignment horizontal="left" vertical="center" shrinkToFit="1"/>
    </xf>
    <xf numFmtId="38" fontId="72" fillId="4" borderId="5" xfId="11" applyFont="1" applyFill="1" applyBorder="1" applyAlignment="1">
      <alignment horizontal="left" vertical="center" shrinkToFit="1"/>
    </xf>
    <xf numFmtId="38" fontId="72" fillId="4" borderId="10" xfId="11" applyFont="1" applyFill="1" applyBorder="1" applyAlignment="1">
      <alignment horizontal="left" vertical="center" shrinkToFit="1"/>
    </xf>
    <xf numFmtId="38" fontId="72" fillId="4" borderId="11" xfId="11" applyFont="1" applyFill="1" applyBorder="1" applyAlignment="1">
      <alignment horizontal="left" vertical="center" shrinkToFit="1"/>
    </xf>
    <xf numFmtId="38" fontId="72" fillId="4" borderId="14" xfId="11" applyFont="1" applyFill="1" applyBorder="1" applyAlignment="1">
      <alignment horizontal="left" vertical="center" shrinkToFit="1"/>
    </xf>
    <xf numFmtId="0" fontId="5" fillId="0" borderId="0" xfId="4" applyFont="1" applyAlignment="1" applyProtection="1">
      <alignment horizontal="distributed" vertical="center" justifyLastLine="1"/>
    </xf>
    <xf numFmtId="0" fontId="5" fillId="4" borderId="0" xfId="4" applyFont="1" applyFill="1" applyAlignment="1" applyProtection="1">
      <alignment horizontal="left" vertical="center"/>
    </xf>
    <xf numFmtId="0" fontId="5" fillId="0" borderId="29" xfId="4" applyFont="1" applyBorder="1" applyAlignment="1" applyProtection="1">
      <alignment horizontal="center" vertical="center"/>
    </xf>
    <xf numFmtId="0" fontId="5" fillId="0" borderId="31" xfId="4" applyFont="1" applyBorder="1" applyAlignment="1" applyProtection="1">
      <alignment horizontal="center" vertical="center"/>
    </xf>
    <xf numFmtId="38" fontId="5" fillId="0" borderId="2" xfId="9" applyFont="1" applyBorder="1" applyAlignment="1" applyProtection="1">
      <alignment horizontal="center" vertical="center"/>
    </xf>
    <xf numFmtId="38" fontId="5" fillId="0" borderId="3" xfId="9" applyFont="1" applyBorder="1" applyAlignment="1" applyProtection="1">
      <alignment horizontal="center" vertical="center"/>
    </xf>
    <xf numFmtId="38" fontId="5" fillId="0" borderId="9" xfId="9" applyFont="1" applyBorder="1" applyAlignment="1" applyProtection="1">
      <alignment horizontal="center" vertical="center"/>
    </xf>
    <xf numFmtId="38" fontId="5" fillId="0" borderId="10" xfId="9" applyFont="1" applyBorder="1" applyAlignment="1" applyProtection="1">
      <alignment horizontal="center" vertical="center"/>
    </xf>
    <xf numFmtId="38" fontId="5" fillId="0" borderId="2" xfId="9" applyFont="1" applyFill="1" applyBorder="1" applyAlignment="1" applyProtection="1">
      <alignment vertical="center"/>
    </xf>
    <xf numFmtId="38" fontId="5" fillId="0" borderId="3" xfId="9" applyFont="1" applyFill="1" applyBorder="1" applyAlignment="1" applyProtection="1">
      <alignment vertical="center"/>
    </xf>
    <xf numFmtId="38" fontId="5" fillId="0" borderId="30" xfId="9" applyFont="1" applyBorder="1" applyAlignment="1" applyProtection="1">
      <alignment horizontal="center" vertical="center"/>
    </xf>
    <xf numFmtId="38" fontId="5" fillId="0" borderId="32" xfId="9" applyFont="1" applyBorder="1" applyAlignment="1" applyProtection="1">
      <alignment horizontal="center" vertical="center"/>
    </xf>
    <xf numFmtId="0" fontId="5" fillId="4" borderId="0" xfId="4" applyFont="1" applyFill="1" applyAlignment="1" applyProtection="1">
      <alignment horizontal="center" vertical="center" wrapText="1"/>
    </xf>
    <xf numFmtId="0" fontId="5" fillId="4" borderId="0" xfId="4" applyFont="1" applyFill="1" applyAlignment="1" applyProtection="1">
      <alignment horizontal="center" vertical="center"/>
    </xf>
    <xf numFmtId="38" fontId="5" fillId="0" borderId="9" xfId="9" applyFont="1" applyFill="1" applyBorder="1" applyAlignment="1" applyProtection="1">
      <alignment vertical="center"/>
    </xf>
    <xf numFmtId="38" fontId="5" fillId="0" borderId="10" xfId="9" applyFont="1" applyFill="1" applyBorder="1" applyAlignment="1" applyProtection="1">
      <alignment vertical="center"/>
    </xf>
    <xf numFmtId="38" fontId="5" fillId="0" borderId="34" xfId="9" applyFont="1" applyBorder="1" applyAlignment="1" applyProtection="1">
      <alignment horizontal="center" vertical="center"/>
    </xf>
    <xf numFmtId="38" fontId="5" fillId="0" borderId="36" xfId="9" applyFont="1" applyBorder="1" applyAlignment="1" applyProtection="1">
      <alignment horizontal="center" vertical="center"/>
    </xf>
    <xf numFmtId="38" fontId="5" fillId="0" borderId="35" xfId="9" applyFont="1" applyFill="1" applyBorder="1" applyAlignment="1" applyProtection="1">
      <alignment vertical="center"/>
    </xf>
    <xf numFmtId="0" fontId="5" fillId="0" borderId="27" xfId="4" applyFont="1" applyBorder="1" applyAlignment="1" applyProtection="1">
      <alignment horizontal="center" vertical="center"/>
    </xf>
    <xf numFmtId="0" fontId="5" fillId="0" borderId="33" xfId="4" applyFont="1" applyBorder="1" applyAlignment="1" applyProtection="1">
      <alignment horizontal="center" vertical="center"/>
    </xf>
    <xf numFmtId="38" fontId="5" fillId="0" borderId="35" xfId="9" applyFont="1" applyBorder="1" applyAlignment="1" applyProtection="1">
      <alignment horizontal="center" vertical="center"/>
    </xf>
    <xf numFmtId="38" fontId="5" fillId="0" borderId="2" xfId="9" applyFont="1" applyBorder="1" applyAlignment="1" applyProtection="1">
      <alignment horizontal="left" vertical="center"/>
    </xf>
    <xf numFmtId="38" fontId="5" fillId="0" borderId="3" xfId="9" applyFont="1" applyBorder="1" applyAlignment="1" applyProtection="1">
      <alignment horizontal="left" vertical="center"/>
    </xf>
    <xf numFmtId="38" fontId="5" fillId="0" borderId="2" xfId="9" applyFont="1" applyFill="1" applyBorder="1" applyAlignment="1" applyProtection="1">
      <alignment horizontal="center" vertical="center"/>
    </xf>
    <xf numFmtId="38" fontId="5" fillId="0" borderId="3" xfId="9" applyFont="1" applyFill="1" applyBorder="1" applyAlignment="1" applyProtection="1">
      <alignment horizontal="center" vertical="center"/>
    </xf>
    <xf numFmtId="0" fontId="0" fillId="0" borderId="0" xfId="0" applyFont="1" applyAlignment="1" applyProtection="1">
      <alignment horizontal="center" vertical="center" wrapText="1"/>
    </xf>
    <xf numFmtId="0" fontId="0" fillId="0" borderId="0" xfId="0" applyFont="1" applyAlignment="1" applyProtection="1">
      <alignment horizontal="center" vertical="center"/>
    </xf>
    <xf numFmtId="3" fontId="0" fillId="0" borderId="0" xfId="0" applyNumberFormat="1" applyFont="1" applyAlignment="1" applyProtection="1">
      <alignment vertical="center"/>
    </xf>
    <xf numFmtId="3" fontId="0" fillId="0" borderId="0" xfId="0" applyNumberFormat="1" applyAlignment="1" applyProtection="1">
      <alignment vertical="center"/>
    </xf>
    <xf numFmtId="0" fontId="14" fillId="0" borderId="0" xfId="0" applyFont="1" applyAlignment="1" applyProtection="1">
      <alignment vertical="center"/>
    </xf>
    <xf numFmtId="0" fontId="0" fillId="0" borderId="0" xfId="0" applyAlignment="1" applyProtection="1">
      <alignment vertical="center"/>
    </xf>
    <xf numFmtId="58" fontId="0" fillId="0" borderId="0" xfId="0" applyNumberFormat="1" applyFont="1" applyAlignment="1" applyProtection="1">
      <alignment horizontal="right" vertical="center"/>
    </xf>
    <xf numFmtId="0" fontId="0" fillId="0" borderId="0" xfId="0" applyFont="1" applyAlignment="1" applyProtection="1">
      <alignment vertical="center"/>
    </xf>
    <xf numFmtId="178" fontId="0" fillId="0" borderId="0" xfId="0" applyNumberFormat="1" applyFont="1" applyAlignment="1" applyProtection="1">
      <alignment horizontal="left" vertical="center"/>
    </xf>
    <xf numFmtId="0" fontId="16" fillId="0" borderId="0" xfId="0" applyFont="1" applyAlignment="1" applyProtection="1">
      <alignment horizontal="left" vertical="center"/>
    </xf>
    <xf numFmtId="177" fontId="0" fillId="0" borderId="0" xfId="0" applyNumberFormat="1" applyFont="1" applyAlignment="1" applyProtection="1">
      <alignment horizontal="left" vertical="center" wrapText="1"/>
    </xf>
    <xf numFmtId="0" fontId="0" fillId="0" borderId="0" xfId="0" applyFont="1" applyAlignment="1" applyProtection="1">
      <alignment vertical="center" wrapText="1"/>
    </xf>
    <xf numFmtId="0" fontId="16" fillId="0" borderId="0" xfId="0" applyFont="1" applyAlignment="1" applyProtection="1">
      <alignment horizontal="center" vertical="center" wrapText="1"/>
    </xf>
    <xf numFmtId="0" fontId="16" fillId="0" borderId="0" xfId="0" applyFont="1" applyAlignment="1" applyProtection="1">
      <alignment horizontal="center" vertical="center"/>
    </xf>
    <xf numFmtId="177" fontId="0" fillId="0" borderId="0" xfId="0" applyNumberFormat="1" applyFont="1" applyAlignment="1" applyProtection="1">
      <alignment horizontal="center" vertical="center" wrapText="1"/>
    </xf>
    <xf numFmtId="0" fontId="0" fillId="0" borderId="0" xfId="0" applyFont="1" applyAlignment="1" applyProtection="1">
      <alignment horizontal="left" vertical="center" wrapText="1"/>
    </xf>
    <xf numFmtId="38" fontId="15" fillId="0" borderId="29" xfId="14" applyFont="1" applyFill="1" applyBorder="1" applyAlignment="1">
      <alignment horizontal="left" vertical="center" wrapText="1"/>
    </xf>
    <xf numFmtId="38" fontId="15" fillId="0" borderId="31" xfId="14" applyFont="1" applyFill="1" applyBorder="1" applyAlignment="1">
      <alignment horizontal="left" vertical="center" wrapText="1"/>
    </xf>
    <xf numFmtId="38" fontId="15" fillId="0" borderId="2" xfId="14" applyFont="1" applyFill="1" applyBorder="1" applyAlignment="1">
      <alignment horizontal="center" vertical="center" wrapText="1"/>
    </xf>
    <xf numFmtId="38" fontId="15" fillId="0" borderId="3" xfId="14" applyFont="1" applyFill="1" applyBorder="1" applyAlignment="1">
      <alignment horizontal="center" vertical="center" wrapText="1"/>
    </xf>
    <xf numFmtId="38" fontId="15" fillId="0" borderId="27" xfId="14" applyFont="1" applyFill="1" applyBorder="1" applyAlignment="1">
      <alignment horizontal="left" vertical="center" wrapText="1"/>
    </xf>
    <xf numFmtId="38" fontId="15" fillId="0" borderId="33" xfId="14" applyFont="1" applyFill="1" applyBorder="1" applyAlignment="1">
      <alignment horizontal="left" vertical="center" wrapText="1"/>
    </xf>
    <xf numFmtId="38" fontId="15" fillId="0" borderId="8" xfId="14" applyFont="1" applyFill="1" applyBorder="1" applyAlignment="1">
      <alignment horizontal="center" vertical="center" wrapText="1"/>
    </xf>
    <xf numFmtId="38" fontId="15" fillId="0" borderId="34" xfId="14" applyFont="1" applyFill="1" applyBorder="1" applyAlignment="1">
      <alignment horizontal="center" vertical="center" wrapText="1"/>
    </xf>
    <xf numFmtId="0" fontId="32" fillId="0" borderId="11" xfId="15" applyFont="1" applyBorder="1" applyAlignment="1">
      <alignment horizontal="center" vertical="center"/>
    </xf>
    <xf numFmtId="38" fontId="5" fillId="5" borderId="74" xfId="14" applyFont="1" applyFill="1" applyBorder="1" applyAlignment="1">
      <alignment horizontal="center" vertical="center" wrapText="1"/>
    </xf>
    <xf numFmtId="38" fontId="5" fillId="5" borderId="32" xfId="14" applyFont="1" applyFill="1" applyBorder="1" applyAlignment="1">
      <alignment horizontal="center" vertical="center" wrapText="1"/>
    </xf>
    <xf numFmtId="38" fontId="30" fillId="0" borderId="0" xfId="14" applyFont="1" applyFill="1" applyBorder="1" applyAlignment="1">
      <alignment horizontal="center" vertical="center"/>
    </xf>
    <xf numFmtId="38" fontId="5" fillId="5" borderId="64" xfId="14" applyFont="1" applyFill="1" applyBorder="1" applyAlignment="1">
      <alignment horizontal="center" vertical="center"/>
    </xf>
    <xf numFmtId="38" fontId="5" fillId="5" borderId="27" xfId="14" applyFont="1" applyFill="1" applyBorder="1" applyAlignment="1">
      <alignment horizontal="center" vertical="center"/>
    </xf>
    <xf numFmtId="38" fontId="5" fillId="5" borderId="31" xfId="14" applyFont="1" applyFill="1" applyBorder="1" applyAlignment="1">
      <alignment horizontal="center" vertical="center"/>
    </xf>
    <xf numFmtId="38" fontId="5" fillId="5" borderId="65" xfId="14" applyFont="1" applyFill="1" applyBorder="1" applyAlignment="1">
      <alignment horizontal="center" vertical="center"/>
    </xf>
    <xf numFmtId="38" fontId="5" fillId="5" borderId="8" xfId="14" applyFont="1" applyFill="1" applyBorder="1" applyAlignment="1">
      <alignment horizontal="center" vertical="center"/>
    </xf>
    <xf numFmtId="38" fontId="5" fillId="5" borderId="3" xfId="14" applyFont="1" applyFill="1" applyBorder="1" applyAlignment="1">
      <alignment horizontal="center" vertical="center"/>
    </xf>
    <xf numFmtId="38" fontId="5" fillId="5" borderId="8" xfId="14" applyFont="1" applyFill="1" applyBorder="1" applyAlignment="1">
      <alignment horizontal="center" vertical="center" wrapText="1"/>
    </xf>
    <xf numFmtId="38" fontId="5" fillId="5" borderId="3" xfId="14" applyFont="1" applyFill="1" applyBorder="1" applyAlignment="1">
      <alignment horizontal="center" vertical="center" wrapText="1"/>
    </xf>
    <xf numFmtId="40" fontId="5" fillId="5" borderId="8" xfId="14" applyNumberFormat="1" applyFont="1" applyFill="1" applyBorder="1" applyAlignment="1">
      <alignment horizontal="center" vertical="center" wrapText="1"/>
    </xf>
    <xf numFmtId="40" fontId="5" fillId="5" borderId="3" xfId="14" applyNumberFormat="1" applyFont="1" applyFill="1" applyBorder="1" applyAlignment="1">
      <alignment horizontal="center" vertical="center" wrapText="1"/>
    </xf>
    <xf numFmtId="180" fontId="12" fillId="0" borderId="0" xfId="4" applyNumberFormat="1" applyFont="1" applyAlignment="1">
      <alignment horizontal="left" vertical="center" wrapText="1"/>
    </xf>
    <xf numFmtId="180" fontId="21" fillId="0" borderId="0" xfId="4" applyNumberFormat="1" applyFont="1" applyAlignment="1">
      <alignment horizontal="center"/>
    </xf>
    <xf numFmtId="180" fontId="12" fillId="0" borderId="1" xfId="4" applyNumberFormat="1" applyFont="1" applyBorder="1" applyAlignment="1">
      <alignment horizontal="center"/>
    </xf>
    <xf numFmtId="180" fontId="12" fillId="0" borderId="6" xfId="4" applyNumberFormat="1" applyFont="1" applyBorder="1" applyAlignment="1">
      <alignment horizontal="center"/>
    </xf>
    <xf numFmtId="180" fontId="12" fillId="0" borderId="12" xfId="4" applyNumberFormat="1" applyFont="1" applyBorder="1" applyAlignment="1">
      <alignment horizontal="center"/>
    </xf>
    <xf numFmtId="180" fontId="12" fillId="0" borderId="7" xfId="4" applyNumberFormat="1" applyFont="1" applyBorder="1" applyAlignment="1">
      <alignment horizontal="center"/>
    </xf>
    <xf numFmtId="180" fontId="12" fillId="0" borderId="0" xfId="4" applyNumberFormat="1" applyFont="1" applyAlignment="1">
      <alignment horizontal="left" vertical="center"/>
    </xf>
    <xf numFmtId="176" fontId="43" fillId="0" borderId="60" xfId="0" applyNumberFormat="1" applyFont="1" applyBorder="1" applyAlignment="1">
      <alignment horizontal="left" vertical="center" wrapText="1" indent="1"/>
    </xf>
    <xf numFmtId="176" fontId="43" fillId="0" borderId="0" xfId="0" applyNumberFormat="1" applyFont="1" applyAlignment="1">
      <alignment horizontal="left" vertical="center" wrapText="1" indent="1"/>
    </xf>
    <xf numFmtId="180" fontId="35" fillId="0" borderId="0" xfId="0" applyNumberFormat="1" applyFont="1" applyAlignment="1">
      <alignment horizontal="left" vertical="center"/>
    </xf>
    <xf numFmtId="180" fontId="35" fillId="0" borderId="0" xfId="0" applyNumberFormat="1" applyFont="1" applyAlignment="1">
      <alignment horizontal="left" vertical="center" wrapText="1" indent="1"/>
    </xf>
    <xf numFmtId="176" fontId="35" fillId="0" borderId="0" xfId="0" applyNumberFormat="1" applyFont="1" applyAlignment="1">
      <alignment horizontal="left" vertical="center" wrapText="1" indent="1"/>
    </xf>
  </cellXfs>
  <cellStyles count="17">
    <cellStyle name="パーセント 2" xfId="8"/>
    <cellStyle name="ハイパーリンク" xfId="16" builtinId="8" customBuiltin="1"/>
    <cellStyle name="桁区切り" xfId="1" builtinId="6"/>
    <cellStyle name="桁区切り 2" xfId="3"/>
    <cellStyle name="桁区切り 2 2" xfId="9"/>
    <cellStyle name="桁区切り 3" xfId="5"/>
    <cellStyle name="桁区切り 4" xfId="7"/>
    <cellStyle name="桁区切り 5" xfId="11"/>
    <cellStyle name="桁区切り 6" xfId="14"/>
    <cellStyle name="標準" xfId="0" builtinId="0"/>
    <cellStyle name="標準 2" xfId="2"/>
    <cellStyle name="標準 2 6" xfId="15"/>
    <cellStyle name="標準 3" xfId="4"/>
    <cellStyle name="標準 4" xfId="6"/>
    <cellStyle name="標準 5" xfId="10"/>
    <cellStyle name="標準 6" xfId="13"/>
    <cellStyle name="標準_小児施設実績17" xfId="12"/>
  </cellStyles>
  <dxfs count="70">
    <dxf>
      <fill>
        <patternFill>
          <bgColor theme="7" tint="0.59996337778862885"/>
        </patternFill>
      </fill>
    </dxf>
    <dxf>
      <fill>
        <patternFill>
          <bgColor theme="7" tint="0.59996337778862885"/>
        </patternFill>
      </fill>
    </dxf>
    <dxf>
      <fill>
        <patternFill>
          <bgColor theme="7" tint="0.59996337778862885"/>
        </patternFill>
      </fill>
    </dxf>
    <dxf>
      <fill>
        <patternFill>
          <bgColor theme="7" tint="0.59996337778862885"/>
        </patternFill>
      </fill>
    </dxf>
    <dxf>
      <fill>
        <patternFill>
          <bgColor theme="7" tint="0.59996337778862885"/>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ont>
        <u/>
        <color rgb="FFFF0000"/>
      </font>
    </dxf>
    <dxf>
      <font>
        <u/>
        <color rgb="FFFF0000"/>
      </font>
    </dxf>
    <dxf>
      <font>
        <u/>
        <color rgb="FFFF0000"/>
      </font>
    </dxf>
    <dxf>
      <font>
        <u/>
        <color rgb="FFFF0000"/>
      </font>
    </dxf>
    <dxf>
      <font>
        <u/>
        <color rgb="FFFF0000"/>
      </font>
    </dxf>
    <dxf>
      <font>
        <u/>
        <color rgb="FFFF0000"/>
      </font>
    </dxf>
    <dxf>
      <font>
        <u/>
        <color rgb="FFFF0000"/>
      </font>
    </dxf>
    <dxf>
      <fill>
        <patternFill>
          <bgColor theme="7" tint="0.59996337778862885"/>
        </patternFill>
      </fill>
    </dxf>
    <dxf>
      <fill>
        <patternFill>
          <bgColor theme="1"/>
        </patternFill>
      </fill>
    </dxf>
    <dxf>
      <fill>
        <patternFill>
          <bgColor theme="1"/>
        </patternFill>
      </fill>
    </dxf>
    <dxf>
      <fill>
        <patternFill>
          <bgColor theme="1"/>
        </patternFill>
      </fill>
    </dxf>
    <dxf>
      <font>
        <u/>
        <color rgb="FFFF0000"/>
      </font>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ont>
        <u/>
        <color rgb="FFFF0000"/>
      </font>
    </dxf>
    <dxf>
      <font>
        <u/>
        <color rgb="FFFF0000"/>
      </font>
    </dxf>
    <dxf>
      <font>
        <u/>
        <color rgb="FFFF0000"/>
      </font>
    </dxf>
    <dxf>
      <font>
        <u/>
        <color rgb="FFFF0000"/>
      </font>
    </dxf>
    <dxf>
      <font>
        <u/>
        <color rgb="FFFF0000"/>
      </font>
    </dxf>
    <dxf>
      <font>
        <u/>
        <color rgb="FFFF0000"/>
      </font>
    </dxf>
    <dxf>
      <font>
        <u/>
        <color rgb="FFFF0000"/>
      </font>
    </dxf>
    <dxf>
      <font>
        <u/>
        <color rgb="FFFF0000"/>
      </font>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ont>
        <u/>
        <color rgb="FFFF0000"/>
      </font>
    </dxf>
    <dxf>
      <font>
        <u/>
        <color rgb="FFFF0000"/>
      </font>
    </dxf>
    <dxf>
      <font>
        <u/>
        <color rgb="FFFF0000"/>
      </font>
    </dxf>
    <dxf>
      <font>
        <u/>
        <color rgb="FFFF0000"/>
      </font>
    </dxf>
    <dxf>
      <font>
        <u/>
        <color rgb="FFFF0000"/>
      </font>
    </dxf>
    <dxf>
      <font>
        <u/>
        <color rgb="FFFF0000"/>
      </font>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ont>
        <strike val="0"/>
        <u/>
        <color rgb="FFFF0000"/>
      </font>
    </dxf>
    <dxf>
      <font>
        <strike val="0"/>
        <u/>
        <color rgb="FFFF0000"/>
      </font>
    </dxf>
    <dxf>
      <font>
        <strike val="0"/>
        <u/>
        <color rgb="FFFF0000"/>
      </font>
    </dxf>
    <dxf>
      <font>
        <strike val="0"/>
        <u/>
        <color rgb="FFFF0000"/>
      </font>
    </dxf>
    <dxf>
      <font>
        <b val="0"/>
        <i val="0"/>
        <strike val="0"/>
        <u/>
        <color rgb="FFFF0000"/>
      </font>
    </dxf>
  </dxfs>
  <tableStyles count="0" defaultTableStyle="TableStyleMedium2" defaultPivotStyle="PivotStyleLight16"/>
  <colors>
    <mruColors>
      <color rgb="FFFF66FF"/>
      <color rgb="FFFF9999"/>
      <color rgb="FFFFFFCC"/>
      <color rgb="FFFFCCFF"/>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externalLink" Target="externalLinks/externalLink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0</xdr:col>
      <xdr:colOff>71902</xdr:colOff>
      <xdr:row>0</xdr:row>
      <xdr:rowOff>35949</xdr:rowOff>
    </xdr:from>
    <xdr:to>
      <xdr:col>6</xdr:col>
      <xdr:colOff>548640</xdr:colOff>
      <xdr:row>0</xdr:row>
      <xdr:rowOff>1400174</xdr:rowOff>
    </xdr:to>
    <xdr:sp macro="" textlink="">
      <xdr:nvSpPr>
        <xdr:cNvPr id="2" name="正方形/長方形 1"/>
        <xdr:cNvSpPr/>
      </xdr:nvSpPr>
      <xdr:spPr>
        <a:xfrm>
          <a:off x="71902" y="35949"/>
          <a:ext cx="8287238" cy="1364225"/>
        </a:xfrm>
        <a:prstGeom prst="rect">
          <a:avLst/>
        </a:prstGeom>
        <a:solidFill>
          <a:sysClr val="window" lastClr="FFFFFF"/>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入力の順番</a:t>
          </a:r>
          <a:r>
            <a:rPr kumimoji="1" lang="en-US" altLang="ja-JP" sz="1200" b="1">
              <a:solidFill>
                <a:sysClr val="windowText" lastClr="000000"/>
              </a:solidFill>
              <a:latin typeface="BIZ UDゴシック" panose="020B0400000000000000" pitchFamily="49" charset="-128"/>
              <a:ea typeface="BIZ UDゴシック" panose="020B0400000000000000" pitchFamily="49" charset="-128"/>
            </a:rPr>
            <a:t>】</a:t>
          </a:r>
        </a:p>
        <a:p>
          <a:pPr algn="l"/>
          <a:r>
            <a:rPr kumimoji="1" lang="ja-JP" altLang="en-US" sz="1200" b="1">
              <a:solidFill>
                <a:sysClr val="windowText" lastClr="000000"/>
              </a:solidFill>
              <a:latin typeface="BIZ UDゴシック" panose="020B0400000000000000" pitchFamily="49" charset="-128"/>
              <a:ea typeface="BIZ UDゴシック" panose="020B0400000000000000" pitchFamily="49" charset="-128"/>
            </a:rPr>
            <a:t>１．基礎情報（ここです） →</a:t>
          </a:r>
          <a:r>
            <a:rPr kumimoji="1" lang="ja-JP" altLang="en-US" sz="1200" b="1">
              <a:solidFill>
                <a:srgbClr val="FF0000"/>
              </a:solidFill>
              <a:latin typeface="BIZ UDゴシック" panose="020B0400000000000000" pitchFamily="49" charset="-128"/>
              <a:ea typeface="BIZ UDゴシック" panose="020B0400000000000000" pitchFamily="49" charset="-128"/>
            </a:rPr>
            <a:t> </a:t>
          </a:r>
          <a:r>
            <a:rPr kumimoji="1" lang="ja-JP" altLang="en-US" sz="1200" b="1">
              <a:solidFill>
                <a:schemeClr val="accent2">
                  <a:lumMod val="75000"/>
                </a:schemeClr>
              </a:solidFill>
              <a:latin typeface="BIZ UDゴシック" panose="020B0400000000000000" pitchFamily="49" charset="-128"/>
              <a:ea typeface="BIZ UDゴシック" panose="020B0400000000000000" pitchFamily="49" charset="-128"/>
            </a:rPr>
            <a:t>２．申請設備ごとの「確認書」</a:t>
          </a:r>
          <a:endParaRPr kumimoji="1" lang="en-US" altLang="ja-JP" sz="1200" b="1">
            <a:solidFill>
              <a:srgbClr val="FFC000"/>
            </a:solidFill>
            <a:latin typeface="BIZ UDゴシック" panose="020B0400000000000000" pitchFamily="49" charset="-128"/>
            <a:ea typeface="BIZ UDゴシック" panose="020B0400000000000000" pitchFamily="49" charset="-128"/>
          </a:endParaRPr>
        </a:p>
        <a:p>
          <a:pPr algn="l"/>
          <a:r>
            <a:rPr kumimoji="1" lang="en-US" altLang="ja-JP" sz="1200" b="0">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0">
              <a:solidFill>
                <a:sysClr val="windowText" lastClr="000000"/>
              </a:solidFill>
              <a:latin typeface="BIZ UDゴシック" panose="020B0400000000000000" pitchFamily="49" charset="-128"/>
              <a:ea typeface="BIZ UDゴシック" panose="020B0400000000000000" pitchFamily="49" charset="-128"/>
            </a:rPr>
            <a:t>　上記様式の</a:t>
          </a:r>
          <a:r>
            <a:rPr kumimoji="1" lang="ja-JP" altLang="en-US" sz="1200" b="0" u="sng">
              <a:solidFill>
                <a:srgbClr val="FF0000"/>
              </a:solidFill>
              <a:latin typeface="BIZ UDゴシック" panose="020B0400000000000000" pitchFamily="49" charset="-128"/>
              <a:ea typeface="BIZ UDゴシック" panose="020B0400000000000000" pitchFamily="49" charset="-128"/>
            </a:rPr>
            <a:t>黄色セルのみ入力</a:t>
          </a:r>
          <a:r>
            <a:rPr kumimoji="1" lang="ja-JP" altLang="en-US" sz="1200" b="0">
              <a:solidFill>
                <a:sysClr val="windowText" lastClr="000000"/>
              </a:solidFill>
              <a:latin typeface="BIZ UDゴシック" panose="020B0400000000000000" pitchFamily="49" charset="-128"/>
              <a:ea typeface="BIZ UDゴシック" panose="020B0400000000000000" pitchFamily="49" charset="-128"/>
            </a:rPr>
            <a:t>してください。</a:t>
          </a:r>
          <a:endParaRPr kumimoji="1" lang="en-US" altLang="ja-JP" sz="1200" b="0">
            <a:solidFill>
              <a:sysClr val="windowText" lastClr="000000"/>
            </a:solidFill>
            <a:latin typeface="BIZ UDゴシック" panose="020B0400000000000000" pitchFamily="49" charset="-128"/>
            <a:ea typeface="BIZ UDゴシック" panose="020B0400000000000000" pitchFamily="49" charset="-128"/>
          </a:endParaRPr>
        </a:p>
        <a:p>
          <a:pPr algn="l"/>
          <a:r>
            <a:rPr kumimoji="1" lang="ja-JP" altLang="en-US" sz="1200" b="0">
              <a:solidFill>
                <a:sysClr val="windowText" lastClr="000000"/>
              </a:solidFill>
              <a:latin typeface="BIZ UDゴシック" panose="020B0400000000000000" pitchFamily="49" charset="-128"/>
              <a:ea typeface="BIZ UDゴシック" panose="020B0400000000000000" pitchFamily="49" charset="-128"/>
            </a:rPr>
            <a:t>　（その他の様式は、入力いただく内容から金額・文言等が反映されます。）</a:t>
          </a:r>
          <a:endParaRPr kumimoji="1" lang="en-US" altLang="ja-JP" sz="1200" b="0">
            <a:solidFill>
              <a:sysClr val="windowText" lastClr="000000"/>
            </a:solidFill>
            <a:latin typeface="BIZ UDゴシック" panose="020B0400000000000000" pitchFamily="49" charset="-128"/>
            <a:ea typeface="BIZ UDゴシック" panose="020B0400000000000000" pitchFamily="49" charset="-128"/>
          </a:endParaRPr>
        </a:p>
        <a:p>
          <a:pPr algn="l"/>
          <a:r>
            <a:rPr kumimoji="1" lang="en-US" altLang="ja-JP" sz="1200" b="0">
              <a:solidFill>
                <a:sysClr val="windowText" lastClr="000000"/>
              </a:solidFill>
              <a:latin typeface="BIZ UDゴシック" panose="020B0400000000000000" pitchFamily="49" charset="-128"/>
              <a:ea typeface="BIZ UDゴシック" panose="020B0400000000000000" pitchFamily="49" charset="-128"/>
            </a:rPr>
            <a:t>※</a:t>
          </a:r>
          <a:r>
            <a:rPr kumimoji="1" lang="ja-JP" altLang="en-US" sz="1200" b="0">
              <a:solidFill>
                <a:sysClr val="windowText" lastClr="000000"/>
              </a:solidFill>
              <a:latin typeface="BIZ UDゴシック" panose="020B0400000000000000" pitchFamily="49" charset="-128"/>
              <a:ea typeface="BIZ UDゴシック" panose="020B0400000000000000" pitchFamily="49" charset="-128"/>
            </a:rPr>
            <a:t>　黄色セルの入力が完了しましたら、</a:t>
          </a:r>
          <a:r>
            <a:rPr kumimoji="1" lang="ja-JP" altLang="en-US" sz="1200" b="0" u="sng">
              <a:solidFill>
                <a:srgbClr val="FF0000"/>
              </a:solidFill>
              <a:latin typeface="BIZ UDゴシック" panose="020B0400000000000000" pitchFamily="49" charset="-128"/>
              <a:ea typeface="BIZ UDゴシック" panose="020B0400000000000000" pitchFamily="49" charset="-128"/>
            </a:rPr>
            <a:t>他の様式に必要な情報が反映されていることを必ず確認</a:t>
          </a:r>
          <a:r>
            <a:rPr kumimoji="1" lang="ja-JP" altLang="en-US" sz="1200" b="0">
              <a:solidFill>
                <a:sysClr val="windowText" lastClr="000000"/>
              </a:solidFill>
              <a:latin typeface="BIZ UDゴシック" panose="020B0400000000000000" pitchFamily="49" charset="-128"/>
              <a:ea typeface="BIZ UDゴシック" panose="020B0400000000000000" pitchFamily="49" charset="-128"/>
            </a:rPr>
            <a:t>して下さい。</a:t>
          </a:r>
          <a:endParaRPr kumimoji="1" lang="en-US" altLang="ja-JP" sz="1200" b="0">
            <a:solidFill>
              <a:sysClr val="windowText" lastClr="000000"/>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99060</xdr:colOff>
      <xdr:row>87</xdr:row>
      <xdr:rowOff>70486</xdr:rowOff>
    </xdr:from>
    <xdr:to>
      <xdr:col>4</xdr:col>
      <xdr:colOff>670560</xdr:colOff>
      <xdr:row>89</xdr:row>
      <xdr:rowOff>11431</xdr:rowOff>
    </xdr:to>
    <xdr:sp macro="" textlink="">
      <xdr:nvSpPr>
        <xdr:cNvPr id="2" name="右矢印 1"/>
        <xdr:cNvSpPr/>
      </xdr:nvSpPr>
      <xdr:spPr>
        <a:xfrm>
          <a:off x="2832735" y="27150061"/>
          <a:ext cx="571500" cy="76009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7</xdr:col>
      <xdr:colOff>251460</xdr:colOff>
      <xdr:row>1</xdr:row>
      <xdr:rowOff>154940</xdr:rowOff>
    </xdr:from>
    <xdr:to>
      <xdr:col>23</xdr:col>
      <xdr:colOff>25400</xdr:colOff>
      <xdr:row>18</xdr:row>
      <xdr:rowOff>190500</xdr:rowOff>
    </xdr:to>
    <xdr:sp macro="" textlink="">
      <xdr:nvSpPr>
        <xdr:cNvPr id="4" name="正方形/長方形 3"/>
        <xdr:cNvSpPr/>
      </xdr:nvSpPr>
      <xdr:spPr>
        <a:xfrm>
          <a:off x="13040360" y="332740"/>
          <a:ext cx="3507740" cy="4048760"/>
        </a:xfrm>
        <a:prstGeom prst="rect">
          <a:avLst/>
        </a:prstGeom>
        <a:solidFill>
          <a:srgbClr val="FFFF00"/>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補助対象外事業分は「確認書」で記載した補助対象外経費とは違いますのでご注意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a:p>
          <a:pPr algn="l"/>
          <a:r>
            <a:rPr lang="en-US" altLang="ja-JP" sz="1600">
              <a:solidFill>
                <a:srgbClr val="FF0000"/>
              </a:solidFill>
              <a:effectLst/>
              <a:latin typeface="メイリオ" panose="020B0604030504040204" pitchFamily="50" charset="-128"/>
              <a:ea typeface="メイリオ" panose="020B0604030504040204" pitchFamily="50" charset="-128"/>
            </a:rPr>
            <a:t>※</a:t>
          </a:r>
          <a:r>
            <a:rPr lang="ja-JP" altLang="en-US" sz="1600">
              <a:solidFill>
                <a:srgbClr val="FF0000"/>
              </a:solidFill>
              <a:effectLst/>
              <a:latin typeface="メイリオ" panose="020B0604030504040204" pitchFamily="50" charset="-128"/>
              <a:ea typeface="メイリオ" panose="020B0604030504040204" pitchFamily="50" charset="-128"/>
            </a:rPr>
            <a:t>例えば同一の契約において、申請機器とは全く関連のない機器を同時に購入する場合等は同時に購入する機器の価格を記載して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10</xdr:col>
      <xdr:colOff>292100</xdr:colOff>
      <xdr:row>1</xdr:row>
      <xdr:rowOff>152400</xdr:rowOff>
    </xdr:from>
    <xdr:to>
      <xdr:col>16</xdr:col>
      <xdr:colOff>500380</xdr:colOff>
      <xdr:row>13</xdr:row>
      <xdr:rowOff>134620</xdr:rowOff>
    </xdr:to>
    <xdr:sp macro="" textlink="">
      <xdr:nvSpPr>
        <xdr:cNvPr id="5" name="正方形/長方形 4"/>
        <xdr:cNvSpPr/>
      </xdr:nvSpPr>
      <xdr:spPr>
        <a:xfrm>
          <a:off x="8724900" y="330200"/>
          <a:ext cx="3942080" cy="2471420"/>
        </a:xfrm>
        <a:prstGeom prst="rect">
          <a:avLst/>
        </a:prstGeom>
        <a:solidFill>
          <a:schemeClr val="bg1"/>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600" b="1">
              <a:solidFill>
                <a:srgbClr val="FF0000"/>
              </a:solidFill>
              <a:latin typeface="メイリオ" panose="020B0604030504040204" pitchFamily="50" charset="-128"/>
              <a:ea typeface="メイリオ" panose="020B0604030504040204" pitchFamily="50" charset="-128"/>
            </a:rPr>
            <a:t>※</a:t>
          </a:r>
          <a:r>
            <a:rPr kumimoji="1" lang="ja-JP" altLang="en-US" sz="1600" b="1">
              <a:solidFill>
                <a:srgbClr val="FF0000"/>
              </a:solidFill>
              <a:latin typeface="メイリオ" panose="020B0604030504040204" pitchFamily="50" charset="-128"/>
              <a:ea typeface="メイリオ" panose="020B0604030504040204" pitchFamily="50" charset="-128"/>
            </a:rPr>
            <a:t>黄色セルのみ入力してください。</a:t>
          </a:r>
          <a:endParaRPr kumimoji="1" lang="en-US" altLang="ja-JP" sz="1600" b="1">
            <a:solidFill>
              <a:srgbClr val="FF0000"/>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補助対象外事業分は、該当がある場合のみ記載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青色セルは、</a:t>
          </a:r>
          <a:r>
            <a:rPr kumimoji="1" lang="ja-JP" altLang="en-US" sz="1600" b="1" u="sng">
              <a:solidFill>
                <a:srgbClr val="FF0000"/>
              </a:solidFill>
              <a:latin typeface="メイリオ" panose="020B0604030504040204" pitchFamily="50" charset="-128"/>
              <a:ea typeface="メイリオ" panose="020B0604030504040204" pitchFamily="50" charset="-128"/>
            </a:rPr>
            <a:t>確認書で入力した内容が正しく反映しているか確認</a:t>
          </a:r>
          <a:r>
            <a:rPr kumimoji="1" lang="ja-JP" altLang="en-US" sz="1600" b="1">
              <a:solidFill>
                <a:schemeClr val="tx1"/>
              </a:solidFill>
              <a:latin typeface="メイリオ" panose="020B0604030504040204" pitchFamily="50" charset="-128"/>
              <a:ea typeface="メイリオ" panose="020B0604030504040204" pitchFamily="50" charset="-128"/>
            </a:rPr>
            <a:t>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7</xdr:col>
      <xdr:colOff>152400</xdr:colOff>
      <xdr:row>1</xdr:row>
      <xdr:rowOff>81280</xdr:rowOff>
    </xdr:from>
    <xdr:to>
      <xdr:col>22</xdr:col>
      <xdr:colOff>274320</xdr:colOff>
      <xdr:row>15</xdr:row>
      <xdr:rowOff>91440</xdr:rowOff>
    </xdr:to>
    <xdr:sp macro="" textlink="">
      <xdr:nvSpPr>
        <xdr:cNvPr id="4" name="正方形/長方形 3"/>
        <xdr:cNvSpPr/>
      </xdr:nvSpPr>
      <xdr:spPr>
        <a:xfrm>
          <a:off x="13284200" y="259080"/>
          <a:ext cx="3233420" cy="3693160"/>
        </a:xfrm>
        <a:prstGeom prst="rect">
          <a:avLst/>
        </a:prstGeom>
        <a:solidFill>
          <a:srgbClr val="FFFF00"/>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補助対象外事業分は「確認書」で記載した補助対象外経費とは違いますのでご注意ください。（例えば同一の契約において、申請機器とは全く関連のない機器を同時に購入する場合等は同時に購入する機器の価格を記載して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10</xdr:col>
      <xdr:colOff>101600</xdr:colOff>
      <xdr:row>1</xdr:row>
      <xdr:rowOff>88900</xdr:rowOff>
    </xdr:from>
    <xdr:to>
      <xdr:col>16</xdr:col>
      <xdr:colOff>309880</xdr:colOff>
      <xdr:row>12</xdr:row>
      <xdr:rowOff>248920</xdr:rowOff>
    </xdr:to>
    <xdr:sp macro="" textlink="">
      <xdr:nvSpPr>
        <xdr:cNvPr id="7" name="正方形/長方形 6"/>
        <xdr:cNvSpPr/>
      </xdr:nvSpPr>
      <xdr:spPr>
        <a:xfrm>
          <a:off x="8877300" y="266700"/>
          <a:ext cx="3942080" cy="2471420"/>
        </a:xfrm>
        <a:prstGeom prst="rect">
          <a:avLst/>
        </a:prstGeom>
        <a:solidFill>
          <a:schemeClr val="bg1"/>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600" b="1">
              <a:solidFill>
                <a:srgbClr val="FF0000"/>
              </a:solidFill>
              <a:latin typeface="メイリオ" panose="020B0604030504040204" pitchFamily="50" charset="-128"/>
              <a:ea typeface="メイリオ" panose="020B0604030504040204" pitchFamily="50" charset="-128"/>
            </a:rPr>
            <a:t>※</a:t>
          </a:r>
          <a:r>
            <a:rPr kumimoji="1" lang="ja-JP" altLang="en-US" sz="1600" b="1">
              <a:solidFill>
                <a:srgbClr val="FF0000"/>
              </a:solidFill>
              <a:latin typeface="メイリオ" panose="020B0604030504040204" pitchFamily="50" charset="-128"/>
              <a:ea typeface="メイリオ" panose="020B0604030504040204" pitchFamily="50" charset="-128"/>
            </a:rPr>
            <a:t>黄色セルのみ入力してください。</a:t>
          </a:r>
          <a:endParaRPr kumimoji="1" lang="en-US" altLang="ja-JP" sz="1600" b="1">
            <a:solidFill>
              <a:srgbClr val="FF0000"/>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補助対象外事業分は、該当がある場合のみ記載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青色セルは、</a:t>
          </a:r>
          <a:r>
            <a:rPr kumimoji="1" lang="ja-JP" altLang="en-US" sz="1600" b="1" u="sng">
              <a:solidFill>
                <a:srgbClr val="FF0000"/>
              </a:solidFill>
              <a:latin typeface="メイリオ" panose="020B0604030504040204" pitchFamily="50" charset="-128"/>
              <a:ea typeface="メイリオ" panose="020B0604030504040204" pitchFamily="50" charset="-128"/>
            </a:rPr>
            <a:t>確認書で入力した内容が正しく反映しているか確認</a:t>
          </a:r>
          <a:r>
            <a:rPr kumimoji="1" lang="ja-JP" altLang="en-US" sz="1600" b="1">
              <a:solidFill>
                <a:schemeClr val="tx1"/>
              </a:solidFill>
              <a:latin typeface="メイリオ" panose="020B0604030504040204" pitchFamily="50" charset="-128"/>
              <a:ea typeface="メイリオ" panose="020B0604030504040204" pitchFamily="50" charset="-128"/>
            </a:rPr>
            <a:t>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7</xdr:col>
      <xdr:colOff>93980</xdr:colOff>
      <xdr:row>1</xdr:row>
      <xdr:rowOff>50800</xdr:rowOff>
    </xdr:from>
    <xdr:to>
      <xdr:col>25</xdr:col>
      <xdr:colOff>254000</xdr:colOff>
      <xdr:row>12</xdr:row>
      <xdr:rowOff>431800</xdr:rowOff>
    </xdr:to>
    <xdr:sp macro="" textlink="">
      <xdr:nvSpPr>
        <xdr:cNvPr id="4" name="正方形/長方形 3"/>
        <xdr:cNvSpPr/>
      </xdr:nvSpPr>
      <xdr:spPr>
        <a:xfrm>
          <a:off x="13809980" y="228600"/>
          <a:ext cx="5138420" cy="2692400"/>
        </a:xfrm>
        <a:prstGeom prst="rect">
          <a:avLst/>
        </a:prstGeom>
        <a:solidFill>
          <a:srgbClr val="FFFF00"/>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補助対象外事業分は「確認書」で記載した補助対象外経費とは違いますのでご注意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a:p>
          <a:pPr algn="l"/>
          <a:r>
            <a:rPr lang="en-US" altLang="ja-JP" sz="1600">
              <a:solidFill>
                <a:srgbClr val="FF0000"/>
              </a:solidFill>
              <a:effectLst/>
              <a:latin typeface="メイリオ" panose="020B0604030504040204" pitchFamily="50" charset="-128"/>
              <a:ea typeface="メイリオ" panose="020B0604030504040204" pitchFamily="50" charset="-128"/>
            </a:rPr>
            <a:t>※</a:t>
          </a:r>
          <a:r>
            <a:rPr lang="ja-JP" altLang="en-US" sz="1600">
              <a:solidFill>
                <a:srgbClr val="FF0000"/>
              </a:solidFill>
              <a:effectLst/>
              <a:latin typeface="メイリオ" panose="020B0604030504040204" pitchFamily="50" charset="-128"/>
              <a:ea typeface="メイリオ" panose="020B0604030504040204" pitchFamily="50" charset="-128"/>
            </a:rPr>
            <a:t>例えば同一の契約において、申請機器とは全く関連のない機器を同時に購入する場合等は同時に購入する機器の価格を記載して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10</xdr:col>
      <xdr:colOff>139700</xdr:colOff>
      <xdr:row>1</xdr:row>
      <xdr:rowOff>101600</xdr:rowOff>
    </xdr:from>
    <xdr:to>
      <xdr:col>16</xdr:col>
      <xdr:colOff>347980</xdr:colOff>
      <xdr:row>12</xdr:row>
      <xdr:rowOff>261620</xdr:rowOff>
    </xdr:to>
    <xdr:sp macro="" textlink="">
      <xdr:nvSpPr>
        <xdr:cNvPr id="6" name="正方形/長方形 5"/>
        <xdr:cNvSpPr/>
      </xdr:nvSpPr>
      <xdr:spPr>
        <a:xfrm>
          <a:off x="9499600" y="279400"/>
          <a:ext cx="3942080" cy="2471420"/>
        </a:xfrm>
        <a:prstGeom prst="rect">
          <a:avLst/>
        </a:prstGeom>
        <a:solidFill>
          <a:schemeClr val="bg1"/>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600" b="1">
              <a:solidFill>
                <a:srgbClr val="FF0000"/>
              </a:solidFill>
              <a:latin typeface="メイリオ" panose="020B0604030504040204" pitchFamily="50" charset="-128"/>
              <a:ea typeface="メイリオ" panose="020B0604030504040204" pitchFamily="50" charset="-128"/>
            </a:rPr>
            <a:t>※</a:t>
          </a:r>
          <a:r>
            <a:rPr kumimoji="1" lang="ja-JP" altLang="en-US" sz="1600" b="1">
              <a:solidFill>
                <a:srgbClr val="FF0000"/>
              </a:solidFill>
              <a:latin typeface="メイリオ" panose="020B0604030504040204" pitchFamily="50" charset="-128"/>
              <a:ea typeface="メイリオ" panose="020B0604030504040204" pitchFamily="50" charset="-128"/>
            </a:rPr>
            <a:t>黄色セルのみ入力してください。</a:t>
          </a:r>
          <a:endParaRPr kumimoji="1" lang="en-US" altLang="ja-JP" sz="1600" b="1">
            <a:solidFill>
              <a:srgbClr val="FF0000"/>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補助対象外事業分は、該当がある場合のみ記載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青色セルは、</a:t>
          </a:r>
          <a:r>
            <a:rPr kumimoji="1" lang="ja-JP" altLang="en-US" sz="1600" b="1" u="sng">
              <a:solidFill>
                <a:srgbClr val="FF0000"/>
              </a:solidFill>
              <a:latin typeface="メイリオ" panose="020B0604030504040204" pitchFamily="50" charset="-128"/>
              <a:ea typeface="メイリオ" panose="020B0604030504040204" pitchFamily="50" charset="-128"/>
            </a:rPr>
            <a:t>確認書で入力した内容が正しく反映しているか確認</a:t>
          </a:r>
          <a:r>
            <a:rPr kumimoji="1" lang="ja-JP" altLang="en-US" sz="1600" b="1">
              <a:solidFill>
                <a:schemeClr val="tx1"/>
              </a:solidFill>
              <a:latin typeface="メイリオ" panose="020B0604030504040204" pitchFamily="50" charset="-128"/>
              <a:ea typeface="メイリオ" panose="020B0604030504040204" pitchFamily="50" charset="-128"/>
            </a:rPr>
            <a:t>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7</xdr:col>
      <xdr:colOff>104140</xdr:colOff>
      <xdr:row>2</xdr:row>
      <xdr:rowOff>7620</xdr:rowOff>
    </xdr:from>
    <xdr:to>
      <xdr:col>22</xdr:col>
      <xdr:colOff>584200</xdr:colOff>
      <xdr:row>15</xdr:row>
      <xdr:rowOff>0</xdr:rowOff>
    </xdr:to>
    <xdr:sp macro="" textlink="">
      <xdr:nvSpPr>
        <xdr:cNvPr id="4" name="正方形/長方形 3"/>
        <xdr:cNvSpPr/>
      </xdr:nvSpPr>
      <xdr:spPr>
        <a:xfrm>
          <a:off x="13528040" y="363220"/>
          <a:ext cx="3591560" cy="3294380"/>
        </a:xfrm>
        <a:prstGeom prst="rect">
          <a:avLst/>
        </a:prstGeom>
        <a:solidFill>
          <a:srgbClr val="FFFF00"/>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lang="ja-JP" altLang="en-US" sz="1600">
              <a:solidFill>
                <a:srgbClr val="FF0000"/>
              </a:solidFill>
              <a:effectLst/>
              <a:latin typeface="メイリオ" panose="020B0604030504040204" pitchFamily="50" charset="-128"/>
              <a:ea typeface="メイリオ" panose="020B0604030504040204" pitchFamily="50" charset="-128"/>
            </a:rPr>
            <a:t>補助対象外事業分は「確認書」で記載した補助対象外経費とは違いますのでご注意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a:p>
          <a:pPr algn="l"/>
          <a:r>
            <a:rPr lang="en-US" altLang="ja-JP" sz="1600">
              <a:solidFill>
                <a:srgbClr val="FF0000"/>
              </a:solidFill>
              <a:effectLst/>
              <a:latin typeface="メイリオ" panose="020B0604030504040204" pitchFamily="50" charset="-128"/>
              <a:ea typeface="メイリオ" panose="020B0604030504040204" pitchFamily="50" charset="-128"/>
            </a:rPr>
            <a:t>※</a:t>
          </a:r>
          <a:r>
            <a:rPr lang="ja-JP" altLang="en-US" sz="1600">
              <a:solidFill>
                <a:srgbClr val="FF0000"/>
              </a:solidFill>
              <a:effectLst/>
              <a:latin typeface="メイリオ" panose="020B0604030504040204" pitchFamily="50" charset="-128"/>
              <a:ea typeface="メイリオ" panose="020B0604030504040204" pitchFamily="50" charset="-128"/>
            </a:rPr>
            <a:t>例えば同一の契約において、申請機器とは全く関連のない機器を同時に購入する場合等は同時に購入する機器の価格を記載してください。</a:t>
          </a:r>
          <a:endParaRPr lang="en-US" altLang="ja-JP" sz="1600">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10</xdr:col>
      <xdr:colOff>203200</xdr:colOff>
      <xdr:row>2</xdr:row>
      <xdr:rowOff>25400</xdr:rowOff>
    </xdr:from>
    <xdr:to>
      <xdr:col>16</xdr:col>
      <xdr:colOff>411480</xdr:colOff>
      <xdr:row>13</xdr:row>
      <xdr:rowOff>7620</xdr:rowOff>
    </xdr:to>
    <xdr:sp macro="" textlink="">
      <xdr:nvSpPr>
        <xdr:cNvPr id="5" name="正方形/長方形 4"/>
        <xdr:cNvSpPr/>
      </xdr:nvSpPr>
      <xdr:spPr>
        <a:xfrm>
          <a:off x="9271000" y="381000"/>
          <a:ext cx="3942080" cy="2471420"/>
        </a:xfrm>
        <a:prstGeom prst="rect">
          <a:avLst/>
        </a:prstGeom>
        <a:solidFill>
          <a:schemeClr val="bg1"/>
        </a:solid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600" b="1">
              <a:solidFill>
                <a:srgbClr val="FF0000"/>
              </a:solidFill>
              <a:latin typeface="メイリオ" panose="020B0604030504040204" pitchFamily="50" charset="-128"/>
              <a:ea typeface="メイリオ" panose="020B0604030504040204" pitchFamily="50" charset="-128"/>
            </a:rPr>
            <a:t>※</a:t>
          </a:r>
          <a:r>
            <a:rPr kumimoji="1" lang="ja-JP" altLang="en-US" sz="1600" b="1">
              <a:solidFill>
                <a:srgbClr val="FF0000"/>
              </a:solidFill>
              <a:latin typeface="メイリオ" panose="020B0604030504040204" pitchFamily="50" charset="-128"/>
              <a:ea typeface="メイリオ" panose="020B0604030504040204" pitchFamily="50" charset="-128"/>
            </a:rPr>
            <a:t>黄色セルのみ入力してください。</a:t>
          </a:r>
          <a:endParaRPr kumimoji="1" lang="en-US" altLang="ja-JP" sz="1600" b="1">
            <a:solidFill>
              <a:srgbClr val="FF0000"/>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補助対象外事業分は、該当がある場合のみ記載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a:p>
          <a:pPr algn="l"/>
          <a:r>
            <a:rPr kumimoji="1" lang="en-US" altLang="ja-JP" sz="1600" b="1">
              <a:solidFill>
                <a:schemeClr val="tx1"/>
              </a:solidFill>
              <a:latin typeface="メイリオ" panose="020B0604030504040204" pitchFamily="50" charset="-128"/>
              <a:ea typeface="メイリオ" panose="020B0604030504040204" pitchFamily="50" charset="-128"/>
            </a:rPr>
            <a:t>※</a:t>
          </a:r>
          <a:r>
            <a:rPr kumimoji="1" lang="ja-JP" altLang="en-US" sz="1600" b="1">
              <a:solidFill>
                <a:schemeClr val="tx1"/>
              </a:solidFill>
              <a:latin typeface="メイリオ" panose="020B0604030504040204" pitchFamily="50" charset="-128"/>
              <a:ea typeface="メイリオ" panose="020B0604030504040204" pitchFamily="50" charset="-128"/>
            </a:rPr>
            <a:t>青色セルは、</a:t>
          </a:r>
          <a:r>
            <a:rPr kumimoji="1" lang="ja-JP" altLang="en-US" sz="1600" b="1" u="sng">
              <a:solidFill>
                <a:srgbClr val="FF0000"/>
              </a:solidFill>
              <a:latin typeface="メイリオ" panose="020B0604030504040204" pitchFamily="50" charset="-128"/>
              <a:ea typeface="メイリオ" panose="020B0604030504040204" pitchFamily="50" charset="-128"/>
            </a:rPr>
            <a:t>確認書で入力した内容が正しく反映しているか確認</a:t>
          </a:r>
          <a:r>
            <a:rPr kumimoji="1" lang="ja-JP" altLang="en-US" sz="1600" b="1">
              <a:solidFill>
                <a:schemeClr val="tx1"/>
              </a:solidFill>
              <a:latin typeface="メイリオ" panose="020B0604030504040204" pitchFamily="50" charset="-128"/>
              <a:ea typeface="メイリオ" panose="020B0604030504040204" pitchFamily="50" charset="-128"/>
            </a:rPr>
            <a:t>してください。</a:t>
          </a:r>
          <a:endParaRPr kumimoji="1" lang="en-US" altLang="ja-JP" sz="1600" b="1">
            <a:solidFill>
              <a:schemeClr val="tx1"/>
            </a:solidFill>
            <a:latin typeface="メイリオ" panose="020B0604030504040204" pitchFamily="50" charset="-128"/>
            <a:ea typeface="メイリオ" panose="020B060403050404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2</xdr:col>
      <xdr:colOff>9525</xdr:colOff>
      <xdr:row>0</xdr:row>
      <xdr:rowOff>171450</xdr:rowOff>
    </xdr:from>
    <xdr:to>
      <xdr:col>50</xdr:col>
      <xdr:colOff>435979</xdr:colOff>
      <xdr:row>4</xdr:row>
      <xdr:rowOff>38100</xdr:rowOff>
    </xdr:to>
    <xdr:sp macro="" textlink="">
      <xdr:nvSpPr>
        <xdr:cNvPr id="2" name="正方形/長方形 1"/>
        <xdr:cNvSpPr/>
      </xdr:nvSpPr>
      <xdr:spPr>
        <a:xfrm>
          <a:off x="6410325" y="171450"/>
          <a:ext cx="4998454" cy="857250"/>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4</xdr:col>
      <xdr:colOff>381000</xdr:colOff>
      <xdr:row>0</xdr:row>
      <xdr:rowOff>222250</xdr:rowOff>
    </xdr:from>
    <xdr:to>
      <xdr:col>22</xdr:col>
      <xdr:colOff>45454</xdr:colOff>
      <xdr:row>4</xdr:row>
      <xdr:rowOff>15875</xdr:rowOff>
    </xdr:to>
    <xdr:sp macro="" textlink="">
      <xdr:nvSpPr>
        <xdr:cNvPr id="2" name="正方形/長方形 1"/>
        <xdr:cNvSpPr/>
      </xdr:nvSpPr>
      <xdr:spPr>
        <a:xfrm>
          <a:off x="18335625" y="222250"/>
          <a:ext cx="4998454" cy="857250"/>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7</xdr:col>
      <xdr:colOff>142875</xdr:colOff>
      <xdr:row>1</xdr:row>
      <xdr:rowOff>38100</xdr:rowOff>
    </xdr:from>
    <xdr:to>
      <xdr:col>14</xdr:col>
      <xdr:colOff>550279</xdr:colOff>
      <xdr:row>4</xdr:row>
      <xdr:rowOff>57150</xdr:rowOff>
    </xdr:to>
    <xdr:sp macro="" textlink="">
      <xdr:nvSpPr>
        <xdr:cNvPr id="2" name="正方形/長方形 1"/>
        <xdr:cNvSpPr/>
      </xdr:nvSpPr>
      <xdr:spPr>
        <a:xfrm>
          <a:off x="7677150" y="285750"/>
          <a:ext cx="4998454" cy="857250"/>
        </a:xfrm>
        <a:prstGeom prst="rect">
          <a:avLst/>
        </a:prstGeom>
        <a:ln w="28575">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800">
              <a:solidFill>
                <a:sysClr val="windowText" lastClr="000000"/>
              </a:solidFill>
            </a:rPr>
            <a:t>＊正しい情報が転記されているか必ず確認してください。</a:t>
          </a:r>
          <a:endParaRPr kumimoji="1" lang="en-US" altLang="ja-JP" sz="18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2024\s1369\01_&#35519;&#25972;&#12464;&#12523;&#12540;&#12503;\10_&#20132;&#20184;&#37329;\03_&#26032;&#33288;&#24863;&#26579;&#30151;&#23550;&#24540;&#21147;&#24375;&#21270;&#20107;&#26989;&#35036;&#21161;&#37329;\03_&#20132;&#20184;&#35201;&#32177;&#25913;&#27491;\100_&#12414;&#12388;&#12358;&#12425;&#20316;&#26989;&#29992;&#9733;\&#20803;&#12487;&#12540;&#12479;\&#30149;&#24202;\&#12304;&#23455;&#32318;&#22577;&#21578;&#12305;05_&#23455;&#32318;&#22577;&#21578;&#26360;&#39006;&#20316;&#25104;&#29992;&#12456;&#12463;&#12475;&#12523;&#12501;&#12449;&#12452;&#12523;&#65288;&#20196;&#21644;&#65302;&#24180;&#65297;&#26376;&#65374;&#65299;&#26376;&#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2024\&#27770;&#31639;&#31532;&#19968;&#20418;\&#20132;&#20184;&#35201;&#32177;&#12539;&#23455;&#26045;&#35201;&#32177;\29&#24180;&#24230;&#65288;&#12467;&#12473;&#12488;&#21066;&#28187;&#12289;&#27096;&#24335;&#35211;&#30452;&#12375;&#65289;\&#20132;04_&#21307;&#30274;&#25552;&#20379;&#20307;&#21046;&#25512;&#36914;&#20107;&#26989;&#36027;&#35036;&#21161;&#37329;&#20132;&#20184;&#35201;&#32177;\&#27096;&#24335;\&#32113;&#21512;&#35036;&#21161;&#37329;_&#21029;&#32025;&#65297;&#65374;&#21029;&#32025;6&#65288;&#26696;&#65289;_&#20462;&#27491;&#21453;&#2614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礎情報入力シート（要入力）"/>
      <sheetName val="連絡票"/>
      <sheetName val="第5号様式"/>
      <sheetName val="第6号様式"/>
      <sheetName val="事業実施計画（第１号様式）"/>
      <sheetName val="別紙1"/>
      <sheetName val="別紙２"/>
      <sheetName val="交付申請書（第２号様式）"/>
      <sheetName val="別紙3(1)"/>
      <sheetName val="別紙3(2)"/>
      <sheetName val="別紙4(1)"/>
      <sheetName val="別紙4(2)"/>
      <sheetName val="歳入歳出予算書抄本"/>
      <sheetName val="別紙５"/>
      <sheetName val="別紙６"/>
      <sheetName val="別紙６(1)"/>
      <sheetName val="別紙６(2)"/>
      <sheetName val="歳入歳出決算書抄本 "/>
      <sheetName val="空床数計算シート(集計)"/>
      <sheetName val="１月"/>
      <sheetName val="２月"/>
      <sheetName val="３月"/>
      <sheetName val="空床数計算シート(院内感染集計)"/>
      <sheetName val="１月_院内感染"/>
      <sheetName val="２月_院内感染"/>
      <sheetName val="３月_院内感染"/>
      <sheetName val="処遇改善状況"/>
      <sheetName val="受入病床確保事業確認書"/>
      <sheetName val="院内感染要件確認資料"/>
      <sheetName val="誓約書"/>
    </sheetNames>
    <sheetDataSet>
      <sheetData sheetId="0">
        <row r="3">
          <cell r="D3"/>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9">
          <cell r="I29" t="str">
            <v>特定機能病院等</v>
          </cell>
          <cell r="J29" t="str">
            <v>〇</v>
          </cell>
        </row>
        <row r="30">
          <cell r="I30" t="str">
            <v>その他医療機関</v>
          </cell>
          <cell r="J30" t="str">
            <v>×</v>
          </cell>
        </row>
      </sheetData>
      <sheetData sheetId="27"/>
      <sheetData sheetId="28"/>
      <sheetData sheetId="2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作成方法"/>
      <sheetName val="第１号様式"/>
      <sheetName val="別紙1"/>
      <sheetName val="別紙2"/>
      <sheetName val="第2号様式"/>
      <sheetName val="（別紙1）"/>
      <sheetName val="（別紙2）"/>
      <sheetName val="第3号様式"/>
      <sheetName val="〔別紙1〕"/>
      <sheetName val="〔別紙2〕"/>
      <sheetName val="第4号様式"/>
      <sheetName val="第5号様式"/>
      <sheetName val="第6号様式"/>
      <sheetName val="事業分類・区分"/>
      <sheetName val="補助率・係数"/>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救急医療対策事業</v>
          </cell>
          <cell r="C2" t="str">
            <v>周産期医療対策事業等</v>
          </cell>
          <cell r="D2" t="str">
            <v>看護職員確保対策事業</v>
          </cell>
          <cell r="E2" t="str">
            <v>歯科保健医療対策事業</v>
          </cell>
          <cell r="F2" t="str">
            <v>院内感染地域支援ネットワーク事業</v>
          </cell>
          <cell r="G2" t="str">
            <v>地域医療対策事業</v>
          </cell>
          <cell r="H2" t="str">
            <v>医療提供体制設備整備事業</v>
          </cell>
        </row>
      </sheetData>
      <sheetData sheetId="1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16.bin"/></Relationships>
</file>

<file path=xl/worksheets/_rels/sheet13.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printerSettings" Target="../printerSettings/printerSettings18.bin"/><Relationship Id="rId1" Type="http://schemas.openxmlformats.org/officeDocument/2006/relationships/printerSettings" Target="../printerSettings/printerSettings17.bin"/></Relationships>
</file>

<file path=xl/worksheets/_rels/sheet14.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s>
</file>

<file path=xl/worksheets/_rels/sheet15.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22.bin"/><Relationship Id="rId1" Type="http://schemas.openxmlformats.org/officeDocument/2006/relationships/printerSettings" Target="../printerSettings/printerSettings21.bin"/></Relationships>
</file>

<file path=xl/worksheets/_rels/sheet16.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s>
</file>

<file path=xl/worksheets/_rels/sheet17.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26.bin"/><Relationship Id="rId1" Type="http://schemas.openxmlformats.org/officeDocument/2006/relationships/printerSettings" Target="../printerSettings/printerSettings25.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27.bin"/></Relationships>
</file>

<file path=xl/worksheets/_rels/sheet19.xml.rels><?xml version="1.0" encoding="UTF-8" standalone="yes"?>
<Relationships xmlns="http://schemas.openxmlformats.org/package/2006/relationships"><Relationship Id="rId3" Type="http://schemas.openxmlformats.org/officeDocument/2006/relationships/printerSettings" Target="../printerSettings/printerSettings30.bin"/><Relationship Id="rId2" Type="http://schemas.openxmlformats.org/officeDocument/2006/relationships/printerSettings" Target="../printerSettings/printerSettings29.bin"/><Relationship Id="rId1" Type="http://schemas.openxmlformats.org/officeDocument/2006/relationships/printerSettings" Target="../printerSettings/printerSettings28.bin"/><Relationship Id="rId4" Type="http://schemas.openxmlformats.org/officeDocument/2006/relationships/drawing" Target="../drawings/drawing9.xml"/></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4.bin"/><Relationship Id="rId1" Type="http://schemas.openxmlformats.org/officeDocument/2006/relationships/printerSettings" Target="../printerSettings/printerSettings3.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6.bin"/><Relationship Id="rId1" Type="http://schemas.openxmlformats.org/officeDocument/2006/relationships/printerSettings" Target="../printerSettings/printerSettings5.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s>
</file>

<file path=xl/worksheets/_rels/sheet7.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3.bin"/></Relationships>
</file>

<file path=xl/worksheets/_rels/sheet8.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14.bin"/></Relationships>
</file>

<file path=xl/worksheets/_rels/sheet9.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1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U36"/>
  <sheetViews>
    <sheetView tabSelected="1" view="pageBreakPreview" zoomScale="98" zoomScaleNormal="100" zoomScaleSheetLayoutView="98" workbookViewId="0">
      <selection activeCell="C18" sqref="C18:J18"/>
    </sheetView>
  </sheetViews>
  <sheetFormatPr defaultColWidth="9" defaultRowHeight="14.25" outlineLevelRow="1"/>
  <cols>
    <col min="1" max="1" width="9" style="220" customWidth="1"/>
    <col min="2" max="2" width="3.25" style="236" customWidth="1"/>
    <col min="3" max="8" width="9" style="236"/>
    <col min="9" max="9" width="10.25" style="236" customWidth="1"/>
    <col min="10" max="10" width="9" style="236"/>
    <col min="11" max="11" width="3.75" style="236" customWidth="1"/>
    <col min="12" max="16384" width="9" style="220"/>
  </cols>
  <sheetData>
    <row r="1" spans="2:21">
      <c r="B1" s="219"/>
      <c r="C1" s="219"/>
      <c r="D1" s="219"/>
      <c r="E1" s="219"/>
      <c r="F1" s="219"/>
      <c r="G1" s="219"/>
      <c r="H1" s="219"/>
      <c r="I1" s="219"/>
      <c r="J1" s="219"/>
      <c r="K1" s="219"/>
    </row>
    <row r="2" spans="2:21" ht="33" customHeight="1">
      <c r="B2" s="221"/>
      <c r="C2" s="491" t="s">
        <v>363</v>
      </c>
      <c r="D2" s="491"/>
      <c r="E2" s="491"/>
      <c r="F2" s="491"/>
      <c r="G2" s="491"/>
      <c r="H2" s="491"/>
      <c r="I2" s="491"/>
      <c r="J2" s="491"/>
      <c r="K2" s="221"/>
    </row>
    <row r="3" spans="2:21" ht="5.25" customHeight="1">
      <c r="B3" s="219"/>
      <c r="C3" s="219"/>
      <c r="D3" s="219"/>
      <c r="E3" s="219"/>
      <c r="F3" s="219"/>
      <c r="G3" s="219"/>
      <c r="H3" s="219"/>
      <c r="I3" s="219"/>
      <c r="J3" s="219"/>
      <c r="K3" s="219"/>
    </row>
    <row r="4" spans="2:21" ht="14.25" customHeight="1">
      <c r="B4" s="219"/>
      <c r="C4" s="492" t="s">
        <v>254</v>
      </c>
      <c r="D4" s="492"/>
      <c r="E4" s="492"/>
      <c r="F4" s="492"/>
      <c r="G4" s="492"/>
      <c r="H4" s="492"/>
      <c r="I4" s="492"/>
      <c r="J4" s="492"/>
      <c r="K4" s="219"/>
    </row>
    <row r="5" spans="2:21" ht="7.5" customHeight="1">
      <c r="B5" s="222"/>
      <c r="C5" s="219"/>
      <c r="D5" s="219"/>
      <c r="E5" s="219"/>
      <c r="F5" s="219"/>
      <c r="G5" s="219"/>
      <c r="H5" s="219"/>
      <c r="I5" s="219"/>
      <c r="J5" s="219"/>
      <c r="K5" s="219"/>
      <c r="M5" s="223"/>
      <c r="N5" s="223"/>
      <c r="O5" s="223"/>
      <c r="P5" s="223"/>
      <c r="Q5" s="223"/>
      <c r="R5" s="223"/>
      <c r="S5" s="223"/>
      <c r="T5" s="223"/>
      <c r="U5" s="223"/>
    </row>
    <row r="6" spans="2:21" ht="40.5" customHeight="1">
      <c r="B6" s="219"/>
      <c r="C6" s="493" t="s">
        <v>353</v>
      </c>
      <c r="D6" s="494"/>
      <c r="E6" s="494"/>
      <c r="F6" s="494"/>
      <c r="G6" s="494"/>
      <c r="H6" s="494"/>
      <c r="I6" s="494"/>
      <c r="J6" s="495"/>
      <c r="K6" s="219"/>
      <c r="M6" s="223"/>
      <c r="N6" s="501"/>
      <c r="O6" s="502"/>
      <c r="P6" s="502"/>
      <c r="Q6" s="502"/>
      <c r="R6" s="502"/>
      <c r="S6" s="502"/>
      <c r="T6" s="502"/>
      <c r="U6" s="502"/>
    </row>
    <row r="7" spans="2:21">
      <c r="B7" s="219"/>
      <c r="C7" s="504" t="s">
        <v>208</v>
      </c>
      <c r="D7" s="505"/>
      <c r="E7" s="505"/>
      <c r="F7" s="505"/>
      <c r="G7" s="505"/>
      <c r="H7" s="505"/>
      <c r="I7" s="505"/>
      <c r="J7" s="506"/>
      <c r="K7" s="219"/>
      <c r="M7" s="223"/>
      <c r="N7" s="224"/>
      <c r="O7" s="225"/>
      <c r="P7" s="225"/>
      <c r="Q7" s="225"/>
      <c r="R7" s="225"/>
      <c r="S7" s="225"/>
      <c r="T7" s="225"/>
      <c r="U7" s="225"/>
    </row>
    <row r="8" spans="2:21" ht="6.75" customHeight="1">
      <c r="B8" s="219"/>
      <c r="C8" s="496"/>
      <c r="D8" s="497"/>
      <c r="E8" s="497"/>
      <c r="F8" s="497"/>
      <c r="G8" s="497"/>
      <c r="H8" s="497"/>
      <c r="I8" s="497"/>
      <c r="J8" s="498"/>
      <c r="K8" s="219"/>
      <c r="M8" s="223"/>
      <c r="N8" s="503"/>
      <c r="O8" s="503"/>
      <c r="P8" s="503"/>
      <c r="Q8" s="503"/>
      <c r="R8" s="503"/>
      <c r="S8" s="503"/>
      <c r="T8" s="503"/>
      <c r="U8" s="503"/>
    </row>
    <row r="9" spans="2:21" ht="8.25" customHeight="1">
      <c r="B9" s="219"/>
      <c r="C9" s="219"/>
      <c r="D9" s="219"/>
      <c r="E9" s="219"/>
      <c r="F9" s="219"/>
      <c r="G9" s="219"/>
      <c r="H9" s="219"/>
      <c r="I9" s="219"/>
      <c r="J9" s="219"/>
      <c r="K9" s="219"/>
      <c r="M9" s="223"/>
      <c r="N9" s="223"/>
      <c r="O9" s="223"/>
      <c r="P9" s="223"/>
      <c r="Q9" s="223"/>
      <c r="R9" s="223"/>
      <c r="S9" s="223"/>
      <c r="T9" s="223"/>
      <c r="U9" s="223"/>
    </row>
    <row r="10" spans="2:21" ht="16.5" customHeight="1">
      <c r="B10" s="219"/>
      <c r="C10" s="226" t="s">
        <v>130</v>
      </c>
      <c r="D10" s="227"/>
      <c r="E10" s="227"/>
      <c r="F10" s="227"/>
      <c r="G10" s="227"/>
      <c r="H10" s="227"/>
      <c r="I10" s="227"/>
      <c r="J10" s="227"/>
      <c r="K10" s="219"/>
      <c r="M10" s="223"/>
      <c r="N10" s="223"/>
      <c r="O10" s="223"/>
      <c r="P10" s="223"/>
      <c r="Q10" s="223"/>
      <c r="R10" s="223"/>
      <c r="S10" s="223"/>
      <c r="T10" s="223"/>
      <c r="U10" s="223"/>
    </row>
    <row r="11" spans="2:21" ht="21.6" customHeight="1">
      <c r="B11" s="219"/>
      <c r="C11" s="409" t="s">
        <v>354</v>
      </c>
      <c r="D11" s="410"/>
      <c r="E11" s="410"/>
      <c r="F11" s="410"/>
      <c r="G11" s="410"/>
      <c r="H11" s="410"/>
      <c r="I11" s="408"/>
      <c r="J11" s="408"/>
      <c r="K11" s="219"/>
    </row>
    <row r="12" spans="2:21" ht="20.25" customHeight="1">
      <c r="B12" s="219"/>
      <c r="C12" s="490" t="s">
        <v>355</v>
      </c>
      <c r="D12" s="490"/>
      <c r="E12" s="490"/>
      <c r="F12" s="490"/>
      <c r="G12" s="490"/>
      <c r="H12" s="490"/>
      <c r="I12" s="490"/>
      <c r="J12" s="490"/>
      <c r="K12" s="219"/>
    </row>
    <row r="13" spans="2:21" ht="21" customHeight="1">
      <c r="B13" s="219"/>
      <c r="C13" s="509" t="s">
        <v>209</v>
      </c>
      <c r="D13" s="509"/>
      <c r="E13" s="509"/>
      <c r="F13" s="509"/>
      <c r="G13" s="509"/>
      <c r="H13" s="509"/>
      <c r="I13" s="509"/>
      <c r="J13" s="509"/>
      <c r="K13" s="219"/>
    </row>
    <row r="14" spans="2:21" ht="21" customHeight="1">
      <c r="B14" s="219"/>
      <c r="C14" s="409" t="s">
        <v>358</v>
      </c>
      <c r="D14" s="410"/>
      <c r="E14" s="410"/>
      <c r="F14" s="410"/>
      <c r="G14" s="410"/>
      <c r="H14" s="408"/>
      <c r="I14" s="408"/>
      <c r="J14" s="408"/>
      <c r="K14" s="219"/>
    </row>
    <row r="15" spans="2:21" ht="24.6" customHeight="1">
      <c r="B15" s="219"/>
      <c r="C15" s="490" t="s">
        <v>359</v>
      </c>
      <c r="D15" s="490"/>
      <c r="E15" s="490"/>
      <c r="F15" s="490"/>
      <c r="G15" s="490"/>
      <c r="H15" s="490"/>
      <c r="I15" s="490"/>
      <c r="J15" s="490"/>
      <c r="K15" s="219"/>
    </row>
    <row r="16" spans="2:21" ht="15.75" customHeight="1">
      <c r="B16" s="219"/>
      <c r="C16" s="508" t="s">
        <v>360</v>
      </c>
      <c r="D16" s="508"/>
      <c r="E16" s="508"/>
      <c r="F16" s="508"/>
      <c r="G16" s="508"/>
      <c r="H16" s="508"/>
      <c r="I16" s="508"/>
      <c r="J16" s="508"/>
      <c r="K16" s="219"/>
    </row>
    <row r="17" spans="2:21" ht="15.75" customHeight="1">
      <c r="B17" s="219"/>
      <c r="C17" s="508" t="s">
        <v>209</v>
      </c>
      <c r="D17" s="508"/>
      <c r="E17" s="508"/>
      <c r="F17" s="508"/>
      <c r="G17" s="508"/>
      <c r="H17" s="508"/>
      <c r="I17" s="508"/>
      <c r="J17" s="508"/>
      <c r="K17" s="219"/>
    </row>
    <row r="18" spans="2:21" ht="35.25" customHeight="1">
      <c r="B18" s="219"/>
      <c r="C18" s="500" t="s">
        <v>397</v>
      </c>
      <c r="D18" s="500"/>
      <c r="E18" s="500"/>
      <c r="F18" s="500"/>
      <c r="G18" s="500"/>
      <c r="H18" s="500"/>
      <c r="I18" s="500"/>
      <c r="J18" s="500"/>
      <c r="K18" s="219"/>
    </row>
    <row r="19" spans="2:21" ht="20.25" customHeight="1">
      <c r="B19" s="219"/>
      <c r="C19" s="409" t="s">
        <v>361</v>
      </c>
      <c r="D19" s="410"/>
      <c r="E19" s="410"/>
      <c r="F19" s="410"/>
      <c r="G19" s="410"/>
      <c r="H19" s="408"/>
      <c r="I19" s="408"/>
      <c r="J19" s="408"/>
      <c r="K19" s="219"/>
    </row>
    <row r="20" spans="2:21" ht="37.5" customHeight="1">
      <c r="B20" s="219"/>
      <c r="C20" s="490" t="s">
        <v>398</v>
      </c>
      <c r="D20" s="507"/>
      <c r="E20" s="507"/>
      <c r="F20" s="507"/>
      <c r="G20" s="507"/>
      <c r="H20" s="507"/>
      <c r="I20" s="507"/>
      <c r="J20" s="507"/>
      <c r="K20" s="219"/>
    </row>
    <row r="21" spans="2:21" s="411" customFormat="1" ht="21" customHeight="1">
      <c r="B21" s="412"/>
      <c r="C21" s="499" t="s">
        <v>399</v>
      </c>
      <c r="D21" s="499"/>
      <c r="E21" s="499"/>
      <c r="F21" s="499"/>
      <c r="G21" s="499"/>
      <c r="H21" s="499"/>
      <c r="I21" s="499"/>
      <c r="J21" s="499"/>
      <c r="K21" s="412"/>
    </row>
    <row r="22" spans="2:21" ht="20.25" customHeight="1">
      <c r="B22" s="219"/>
      <c r="C22" s="409" t="s">
        <v>413</v>
      </c>
      <c r="D22" s="410"/>
      <c r="E22" s="410"/>
      <c r="F22" s="410"/>
      <c r="G22" s="408"/>
      <c r="H22" s="408"/>
      <c r="I22" s="408"/>
      <c r="J22" s="408"/>
      <c r="K22" s="219"/>
    </row>
    <row r="23" spans="2:21" ht="41.25" customHeight="1">
      <c r="B23" s="219"/>
      <c r="C23" s="490" t="s">
        <v>368</v>
      </c>
      <c r="D23" s="490"/>
      <c r="E23" s="490"/>
      <c r="F23" s="490"/>
      <c r="G23" s="490"/>
      <c r="H23" s="490"/>
      <c r="I23" s="490"/>
      <c r="J23" s="490"/>
      <c r="K23" s="219"/>
    </row>
    <row r="24" spans="2:21" ht="15.75" hidden="1" customHeight="1" outlineLevel="1">
      <c r="B24" s="219"/>
      <c r="C24" s="228" t="s">
        <v>278</v>
      </c>
      <c r="D24" s="229"/>
      <c r="E24" s="229"/>
      <c r="F24" s="229"/>
      <c r="G24" s="229"/>
      <c r="H24" s="229"/>
      <c r="I24" s="229"/>
      <c r="J24" s="229"/>
      <c r="K24" s="219"/>
    </row>
    <row r="25" spans="2:21" ht="18" hidden="1" customHeight="1" outlineLevel="1">
      <c r="B25" s="219"/>
      <c r="C25" s="230" t="s">
        <v>279</v>
      </c>
      <c r="D25" s="229"/>
      <c r="E25" s="229"/>
      <c r="F25" s="229"/>
      <c r="G25" s="229"/>
      <c r="H25" s="229"/>
      <c r="I25" s="229"/>
      <c r="J25" s="229"/>
      <c r="K25" s="219"/>
    </row>
    <row r="26" spans="2:21" ht="34.5" hidden="1" customHeight="1" outlineLevel="1">
      <c r="B26" s="219"/>
      <c r="C26" s="500" t="s">
        <v>362</v>
      </c>
      <c r="D26" s="500"/>
      <c r="E26" s="500"/>
      <c r="F26" s="500"/>
      <c r="G26" s="500"/>
      <c r="H26" s="500"/>
      <c r="I26" s="500"/>
      <c r="J26" s="500"/>
      <c r="K26" s="219"/>
    </row>
    <row r="27" spans="2:21" ht="12" customHeight="1" collapsed="1">
      <c r="B27" s="219"/>
      <c r="C27" s="486"/>
      <c r="D27" s="486"/>
      <c r="E27" s="486"/>
      <c r="F27" s="486"/>
      <c r="G27" s="486"/>
      <c r="H27" s="486"/>
      <c r="I27" s="486"/>
      <c r="J27" s="486"/>
      <c r="K27" s="219"/>
    </row>
    <row r="28" spans="2:21" ht="20.25" customHeight="1">
      <c r="B28" s="219"/>
      <c r="C28" s="409" t="s">
        <v>364</v>
      </c>
      <c r="D28" s="410"/>
      <c r="E28" s="408"/>
      <c r="F28" s="408"/>
      <c r="G28" s="408"/>
      <c r="H28" s="408"/>
      <c r="I28" s="408"/>
      <c r="J28" s="408"/>
      <c r="K28" s="219"/>
    </row>
    <row r="29" spans="2:21" ht="39.75" customHeight="1">
      <c r="B29" s="219"/>
      <c r="C29" s="490" t="s">
        <v>400</v>
      </c>
      <c r="D29" s="490"/>
      <c r="E29" s="490"/>
      <c r="F29" s="490"/>
      <c r="G29" s="490"/>
      <c r="H29" s="490"/>
      <c r="I29" s="490"/>
      <c r="J29" s="490"/>
      <c r="K29" s="219"/>
    </row>
    <row r="30" spans="2:21" ht="12" customHeight="1">
      <c r="B30" s="219"/>
      <c r="C30" s="231"/>
      <c r="D30" s="231"/>
      <c r="E30" s="231"/>
      <c r="F30" s="231"/>
      <c r="G30" s="231"/>
      <c r="H30" s="231"/>
      <c r="I30" s="231"/>
      <c r="J30" s="231"/>
      <c r="K30" s="219"/>
    </row>
    <row r="31" spans="2:21" ht="16.5" customHeight="1">
      <c r="B31" s="219"/>
      <c r="C31" s="226" t="s">
        <v>210</v>
      </c>
      <c r="D31" s="227"/>
      <c r="E31" s="227"/>
      <c r="F31" s="227"/>
      <c r="G31" s="227"/>
      <c r="H31" s="227"/>
      <c r="I31" s="227"/>
      <c r="J31" s="227"/>
      <c r="K31" s="219"/>
      <c r="M31" s="223"/>
      <c r="N31" s="223"/>
      <c r="O31" s="223"/>
      <c r="P31" s="223"/>
      <c r="Q31" s="223"/>
      <c r="R31" s="223"/>
      <c r="S31" s="223"/>
      <c r="T31" s="223"/>
      <c r="U31" s="223"/>
    </row>
    <row r="32" spans="2:21" ht="33.75" customHeight="1">
      <c r="B32" s="219"/>
      <c r="C32" s="486" t="s">
        <v>365</v>
      </c>
      <c r="D32" s="486"/>
      <c r="E32" s="486"/>
      <c r="F32" s="486"/>
      <c r="G32" s="486"/>
      <c r="H32" s="486"/>
      <c r="I32" s="486"/>
      <c r="J32" s="486"/>
      <c r="K32" s="219"/>
    </row>
    <row r="33" spans="2:11" ht="24" customHeight="1">
      <c r="B33" s="219"/>
      <c r="C33" s="232" t="s">
        <v>401</v>
      </c>
      <c r="D33" s="233"/>
      <c r="E33" s="234"/>
      <c r="F33" s="234"/>
      <c r="G33" s="234"/>
      <c r="H33" s="234"/>
      <c r="I33" s="234"/>
      <c r="J33" s="235"/>
      <c r="K33" s="219"/>
    </row>
    <row r="34" spans="2:11" ht="39" customHeight="1">
      <c r="B34" s="219"/>
      <c r="C34" s="487" t="s">
        <v>402</v>
      </c>
      <c r="D34" s="488"/>
      <c r="E34" s="488"/>
      <c r="F34" s="488"/>
      <c r="G34" s="488"/>
      <c r="H34" s="488"/>
      <c r="I34" s="488"/>
      <c r="J34" s="489"/>
      <c r="K34" s="219"/>
    </row>
    <row r="35" spans="2:11" ht="37.9" customHeight="1">
      <c r="B35" s="219"/>
      <c r="C35" s="482" t="s">
        <v>366</v>
      </c>
      <c r="D35" s="483"/>
      <c r="E35" s="483"/>
      <c r="F35" s="483"/>
      <c r="G35" s="483"/>
      <c r="H35" s="483"/>
      <c r="I35" s="483"/>
      <c r="J35" s="484"/>
      <c r="K35" s="219"/>
    </row>
    <row r="36" spans="2:11" ht="45.75" customHeight="1">
      <c r="B36" s="219"/>
      <c r="C36" s="485" t="s">
        <v>367</v>
      </c>
      <c r="D36" s="485"/>
      <c r="E36" s="485"/>
      <c r="F36" s="485"/>
      <c r="G36" s="485"/>
      <c r="H36" s="485"/>
      <c r="I36" s="485"/>
      <c r="J36" s="485"/>
      <c r="K36" s="219"/>
    </row>
  </sheetData>
  <sheetProtection algorithmName="SHA-512" hashValue="QZrDqLIYeD0x7cwB6XV9fj7gK7Fj1BuUkoHo04iN3Coxvupygk6WlWBNewMyiAnyv291SekhIDtGa4cWcnzV+g==" saltValue="/Jc8W3xcUz3QU76HQLanXQ==" spinCount="100000" sheet="1" objects="1" scenarios="1"/>
  <customSheetViews>
    <customSheetView guid="{75F8A93C-F5BA-4FE5-85C6-88804E4D71E6}" showPageBreaks="1" printArea="1" view="pageBreakPreview" topLeftCell="B3">
      <selection activeCell="C37" sqref="C37:J37"/>
      <rowBreaks count="1" manualBreakCount="1">
        <brk id="37" min="1" max="10" man="1"/>
      </rowBreaks>
      <pageMargins left="0.7" right="0.7" top="0.75" bottom="0.75" header="0.3" footer="0.3"/>
      <pageSetup paperSize="9" scale="91" orientation="portrait" r:id="rId1"/>
    </customSheetView>
  </customSheetViews>
  <mergeCells count="23">
    <mergeCell ref="C15:J15"/>
    <mergeCell ref="C21:J21"/>
    <mergeCell ref="C26:J26"/>
    <mergeCell ref="C23:J23"/>
    <mergeCell ref="N6:U6"/>
    <mergeCell ref="N8:U8"/>
    <mergeCell ref="C7:J7"/>
    <mergeCell ref="C20:J20"/>
    <mergeCell ref="C17:J17"/>
    <mergeCell ref="C13:J13"/>
    <mergeCell ref="C18:J18"/>
    <mergeCell ref="C16:J16"/>
    <mergeCell ref="C2:J2"/>
    <mergeCell ref="C4:J4"/>
    <mergeCell ref="C6:J6"/>
    <mergeCell ref="C8:J8"/>
    <mergeCell ref="C12:J12"/>
    <mergeCell ref="C35:J35"/>
    <mergeCell ref="C36:J36"/>
    <mergeCell ref="C32:J32"/>
    <mergeCell ref="C34:J34"/>
    <mergeCell ref="C27:J27"/>
    <mergeCell ref="C29:J29"/>
  </mergeCells>
  <phoneticPr fontId="2"/>
  <pageMargins left="0.7" right="0.7" top="0.75" bottom="0.75" header="0.3" footer="0.3"/>
  <pageSetup paperSize="9" scale="79" orientation="portrait" r:id="rId2"/>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66FF"/>
  </sheetPr>
  <dimension ref="A1:R53"/>
  <sheetViews>
    <sheetView showZeros="0" view="pageBreakPreview" zoomScaleNormal="100" zoomScaleSheetLayoutView="100" workbookViewId="0">
      <pane ySplit="1" topLeftCell="A2" activePane="bottomLeft" state="frozen"/>
      <selection activeCell="C47" sqref="C47:D47"/>
      <selection pane="bottomLeft" activeCell="A22" sqref="A22:D22"/>
    </sheetView>
  </sheetViews>
  <sheetFormatPr defaultColWidth="5.125" defaultRowHeight="12"/>
  <cols>
    <col min="1" max="16384" width="5.125" style="304"/>
  </cols>
  <sheetData>
    <row r="1" spans="1:18">
      <c r="A1" s="304" t="s">
        <v>322</v>
      </c>
      <c r="O1" s="950" t="s">
        <v>321</v>
      </c>
      <c r="P1" s="950"/>
      <c r="Q1" s="951" t="s">
        <v>323</v>
      </c>
      <c r="R1" s="951"/>
    </row>
    <row r="2" spans="1:18" ht="24">
      <c r="A2" s="952" t="s">
        <v>320</v>
      </c>
      <c r="B2" s="952"/>
      <c r="C2" s="952"/>
      <c r="D2" s="952"/>
      <c r="E2" s="952"/>
      <c r="F2" s="952"/>
      <c r="G2" s="952"/>
      <c r="H2" s="952"/>
      <c r="I2" s="952"/>
      <c r="J2" s="952"/>
      <c r="K2" s="952"/>
      <c r="L2" s="952"/>
      <c r="M2" s="952"/>
      <c r="N2" s="952"/>
      <c r="O2" s="952"/>
      <c r="P2" s="952"/>
      <c r="Q2" s="952"/>
      <c r="R2" s="952"/>
    </row>
    <row r="4" spans="1:18">
      <c r="A4" s="953" t="s">
        <v>319</v>
      </c>
      <c r="B4" s="954"/>
      <c r="C4" s="955" t="s">
        <v>318</v>
      </c>
      <c r="D4" s="955"/>
      <c r="E4" s="955"/>
      <c r="F4" s="955"/>
      <c r="G4" s="955"/>
      <c r="H4" s="955"/>
      <c r="I4" s="955"/>
      <c r="J4" s="955"/>
      <c r="K4" s="955"/>
      <c r="O4" s="956" t="s">
        <v>317</v>
      </c>
      <c r="P4" s="956"/>
      <c r="Q4" s="957" t="s">
        <v>326</v>
      </c>
      <c r="R4" s="958"/>
    </row>
    <row r="5" spans="1:18" s="320" customFormat="1">
      <c r="A5" s="978" t="s">
        <v>316</v>
      </c>
      <c r="B5" s="979"/>
      <c r="C5" s="396"/>
      <c r="D5" s="984" t="s">
        <v>315</v>
      </c>
      <c r="E5" s="985"/>
      <c r="F5" s="985"/>
      <c r="G5" s="985"/>
      <c r="H5" s="985"/>
      <c r="I5" s="985"/>
      <c r="J5" s="985"/>
      <c r="K5" s="986"/>
      <c r="O5" s="987" t="s">
        <v>314</v>
      </c>
      <c r="P5" s="988"/>
      <c r="Q5" s="989" t="s">
        <v>325</v>
      </c>
      <c r="R5" s="990"/>
    </row>
    <row r="6" spans="1:18" s="320" customFormat="1">
      <c r="A6" s="980"/>
      <c r="B6" s="981"/>
      <c r="C6" s="396"/>
      <c r="D6" s="984" t="s">
        <v>410</v>
      </c>
      <c r="E6" s="985"/>
      <c r="F6" s="985"/>
      <c r="G6" s="985"/>
      <c r="H6" s="985"/>
      <c r="I6" s="985"/>
      <c r="J6" s="985"/>
      <c r="K6" s="986"/>
      <c r="O6" s="321"/>
      <c r="P6" s="321"/>
      <c r="Q6" s="306"/>
      <c r="R6" s="306"/>
    </row>
    <row r="7" spans="1:18" s="320" customFormat="1">
      <c r="A7" s="980"/>
      <c r="B7" s="981"/>
      <c r="C7" s="396"/>
      <c r="D7" s="984" t="s">
        <v>313</v>
      </c>
      <c r="E7" s="985"/>
      <c r="F7" s="985"/>
      <c r="G7" s="985"/>
      <c r="H7" s="985"/>
      <c r="I7" s="985"/>
      <c r="J7" s="985"/>
      <c r="K7" s="986"/>
      <c r="O7" s="321"/>
      <c r="P7" s="321"/>
      <c r="Q7" s="306"/>
      <c r="R7" s="306"/>
    </row>
    <row r="8" spans="1:18" s="320" customFormat="1">
      <c r="A8" s="982"/>
      <c r="B8" s="983"/>
      <c r="C8" s="396" t="s">
        <v>324</v>
      </c>
      <c r="D8" s="984" t="s">
        <v>312</v>
      </c>
      <c r="E8" s="985"/>
      <c r="F8" s="985"/>
      <c r="G8" s="985"/>
      <c r="H8" s="985"/>
      <c r="I8" s="985"/>
      <c r="J8" s="985"/>
      <c r="K8" s="986"/>
      <c r="O8" s="321"/>
      <c r="P8" s="321"/>
      <c r="Q8" s="306"/>
      <c r="R8" s="306"/>
    </row>
    <row r="10" spans="1:18">
      <c r="A10" s="956" t="s">
        <v>311</v>
      </c>
      <c r="B10" s="956"/>
      <c r="C10" s="956"/>
      <c r="D10" s="956"/>
      <c r="E10" s="953" t="s">
        <v>310</v>
      </c>
      <c r="F10" s="959"/>
      <c r="G10" s="959"/>
      <c r="H10" s="959"/>
      <c r="I10" s="959"/>
      <c r="J10" s="959"/>
      <c r="K10" s="954"/>
      <c r="L10" s="953" t="s">
        <v>309</v>
      </c>
      <c r="M10" s="959"/>
      <c r="N10" s="959"/>
      <c r="O10" s="959"/>
      <c r="P10" s="959"/>
      <c r="Q10" s="959"/>
      <c r="R10" s="954"/>
    </row>
    <row r="11" spans="1:18">
      <c r="A11" s="960">
        <f>基礎情報!D6</f>
        <v>0</v>
      </c>
      <c r="B11" s="961"/>
      <c r="C11" s="961"/>
      <c r="D11" s="962"/>
      <c r="E11" s="969">
        <f>基礎情報!D9</f>
        <v>0</v>
      </c>
      <c r="F11" s="970"/>
      <c r="G11" s="970"/>
      <c r="H11" s="970"/>
      <c r="I11" s="970"/>
      <c r="J11" s="970"/>
      <c r="K11" s="971"/>
      <c r="L11" s="969">
        <f>基礎情報!D11</f>
        <v>0</v>
      </c>
      <c r="M11" s="970"/>
      <c r="N11" s="970"/>
      <c r="O11" s="970"/>
      <c r="P11" s="970"/>
      <c r="Q11" s="970"/>
      <c r="R11" s="971"/>
    </row>
    <row r="12" spans="1:18">
      <c r="A12" s="963"/>
      <c r="B12" s="964"/>
      <c r="C12" s="964"/>
      <c r="D12" s="965"/>
      <c r="E12" s="972"/>
      <c r="F12" s="973"/>
      <c r="G12" s="973"/>
      <c r="H12" s="973"/>
      <c r="I12" s="973"/>
      <c r="J12" s="973"/>
      <c r="K12" s="974"/>
      <c r="L12" s="972"/>
      <c r="M12" s="973"/>
      <c r="N12" s="973"/>
      <c r="O12" s="973"/>
      <c r="P12" s="973"/>
      <c r="Q12" s="973"/>
      <c r="R12" s="974"/>
    </row>
    <row r="13" spans="1:18">
      <c r="A13" s="966"/>
      <c r="B13" s="967"/>
      <c r="C13" s="967"/>
      <c r="D13" s="968"/>
      <c r="E13" s="975"/>
      <c r="F13" s="976"/>
      <c r="G13" s="976"/>
      <c r="H13" s="976"/>
      <c r="I13" s="976"/>
      <c r="J13" s="976"/>
      <c r="K13" s="977"/>
      <c r="L13" s="975"/>
      <c r="M13" s="976"/>
      <c r="N13" s="976"/>
      <c r="O13" s="976"/>
      <c r="P13" s="976"/>
      <c r="Q13" s="976"/>
      <c r="R13" s="977"/>
    </row>
    <row r="15" spans="1:18" s="315" customFormat="1" ht="18" thickBot="1">
      <c r="A15" s="310" t="s">
        <v>308</v>
      </c>
      <c r="B15" s="314"/>
      <c r="C15" s="314"/>
      <c r="D15" s="314"/>
      <c r="E15" s="314"/>
      <c r="F15" s="314"/>
      <c r="G15" s="314"/>
      <c r="H15" s="314"/>
      <c r="I15" s="314"/>
      <c r="J15" s="314"/>
      <c r="K15" s="314"/>
      <c r="L15" s="319"/>
      <c r="M15" s="319"/>
      <c r="N15" s="318"/>
      <c r="O15" s="318"/>
      <c r="P15" s="317"/>
      <c r="Q15" s="317"/>
      <c r="R15" s="316"/>
    </row>
    <row r="16" spans="1:18" s="315" customFormat="1" ht="12.75" thickBot="1">
      <c r="A16" s="322" t="str">
        <f>IF(基礎情報!D13="〇","〇","")</f>
        <v/>
      </c>
      <c r="B16" s="314" t="s">
        <v>307</v>
      </c>
      <c r="C16" s="314"/>
      <c r="D16" s="314"/>
      <c r="E16" s="314"/>
      <c r="F16" s="314"/>
      <c r="G16" s="314"/>
      <c r="H16" s="314"/>
      <c r="I16" s="314"/>
      <c r="J16" s="322" t="str">
        <f>IF(基礎情報!D16="〇","〇","")</f>
        <v/>
      </c>
      <c r="K16" s="314" t="s">
        <v>81</v>
      </c>
      <c r="L16" s="314"/>
      <c r="M16" s="314"/>
      <c r="N16" s="314"/>
      <c r="O16" s="314"/>
    </row>
    <row r="17" spans="1:18" s="315" customFormat="1" ht="12.75" thickBot="1">
      <c r="A17" s="322" t="str">
        <f>IF(基礎情報!D14="〇","〇","")</f>
        <v/>
      </c>
      <c r="B17" s="314" t="s">
        <v>306</v>
      </c>
      <c r="C17" s="314"/>
      <c r="D17" s="314"/>
      <c r="E17" s="314"/>
      <c r="F17" s="314"/>
      <c r="G17" s="314"/>
      <c r="H17" s="314"/>
      <c r="I17" s="314"/>
      <c r="J17" s="322" t="str">
        <f>IF(基礎情報!D17="〇","〇","")</f>
        <v/>
      </c>
      <c r="K17" s="314" t="s">
        <v>82</v>
      </c>
      <c r="L17" s="314"/>
      <c r="M17" s="314"/>
      <c r="N17" s="314"/>
      <c r="O17" s="314"/>
    </row>
    <row r="18" spans="1:18">
      <c r="A18" s="314"/>
      <c r="B18" s="314"/>
      <c r="C18" s="314"/>
      <c r="D18" s="314"/>
      <c r="E18" s="314"/>
      <c r="F18" s="314"/>
      <c r="G18" s="314"/>
      <c r="H18" s="314"/>
      <c r="I18" s="314"/>
      <c r="J18" s="314"/>
      <c r="K18" s="314"/>
      <c r="L18" s="314"/>
      <c r="M18" s="314"/>
      <c r="N18" s="314"/>
      <c r="O18" s="314"/>
    </row>
    <row r="19" spans="1:18" ht="15" customHeight="1">
      <c r="A19" s="310" t="s">
        <v>305</v>
      </c>
      <c r="B19" s="314"/>
      <c r="C19" s="314"/>
      <c r="D19" s="314"/>
      <c r="E19" s="314"/>
      <c r="F19" s="314"/>
      <c r="G19" s="314"/>
      <c r="H19" s="314"/>
      <c r="I19" s="314"/>
      <c r="J19" s="314"/>
      <c r="K19" s="314"/>
      <c r="L19" s="314"/>
      <c r="M19" s="314"/>
      <c r="N19" s="314"/>
      <c r="O19" s="314"/>
    </row>
    <row r="20" spans="1:18" ht="24" customHeight="1">
      <c r="A20" s="953" t="s">
        <v>304</v>
      </c>
      <c r="B20" s="959"/>
      <c r="C20" s="959"/>
      <c r="D20" s="954"/>
      <c r="E20" s="953" t="s">
        <v>303</v>
      </c>
      <c r="F20" s="954"/>
      <c r="G20" s="953" t="s">
        <v>302</v>
      </c>
      <c r="H20" s="954"/>
      <c r="I20" s="953" t="s">
        <v>301</v>
      </c>
      <c r="J20" s="954"/>
      <c r="K20" s="998" t="s">
        <v>300</v>
      </c>
      <c r="L20" s="999"/>
      <c r="M20" s="998" t="s">
        <v>299</v>
      </c>
      <c r="N20" s="999"/>
      <c r="O20" s="953" t="s">
        <v>298</v>
      </c>
      <c r="P20" s="954"/>
      <c r="Q20" s="953" t="s">
        <v>297</v>
      </c>
      <c r="R20" s="954"/>
    </row>
    <row r="21" spans="1:18" ht="15" customHeight="1">
      <c r="A21" s="312"/>
      <c r="B21" s="313"/>
      <c r="C21" s="313"/>
      <c r="D21" s="311"/>
      <c r="E21" s="312"/>
      <c r="F21" s="311"/>
      <c r="G21" s="312"/>
      <c r="H21" s="311"/>
      <c r="I21" s="312"/>
      <c r="J21" s="311"/>
      <c r="K21" s="312"/>
      <c r="L21" s="311" t="s">
        <v>296</v>
      </c>
      <c r="M21" s="312"/>
      <c r="N21" s="311" t="s">
        <v>296</v>
      </c>
      <c r="O21" s="312"/>
      <c r="P21" s="311"/>
      <c r="Q21" s="312"/>
      <c r="R21" s="311"/>
    </row>
    <row r="22" spans="1:18" s="305" customFormat="1">
      <c r="A22" s="991" t="str">
        <f>IF(I22&gt;0,"HEPAフィルター付き空気清浄機","")</f>
        <v/>
      </c>
      <c r="B22" s="992"/>
      <c r="C22" s="992"/>
      <c r="D22" s="993"/>
      <c r="E22" s="991">
        <f>'確認書（清浄機）'!C51</f>
        <v>0</v>
      </c>
      <c r="F22" s="993"/>
      <c r="G22" s="991">
        <f>'確認書（清浄機）'!J51</f>
        <v>0</v>
      </c>
      <c r="H22" s="993"/>
      <c r="I22" s="994">
        <f>'確認書（清浄機）'!R51</f>
        <v>0</v>
      </c>
      <c r="J22" s="995"/>
      <c r="K22" s="994">
        <f>'確認書（清浄機）'!V51</f>
        <v>0</v>
      </c>
      <c r="L22" s="995"/>
      <c r="M22" s="996">
        <f t="shared" ref="M22:M31" si="0">I22*K22</f>
        <v>0</v>
      </c>
      <c r="N22" s="997"/>
      <c r="O22" s="994">
        <f>'確認書（清浄機）'!AE51</f>
        <v>0</v>
      </c>
      <c r="P22" s="995"/>
      <c r="Q22" s="994" t="str">
        <f>IF(I22&gt;0,'確認書（清浄機）'!$C$35,"")</f>
        <v/>
      </c>
      <c r="R22" s="995"/>
    </row>
    <row r="23" spans="1:18" s="305" customFormat="1">
      <c r="A23" s="991" t="str">
        <f t="shared" ref="A23:A26" si="1">IF(I23&gt;0,"HEPAフィルター付き空気清浄機","")</f>
        <v/>
      </c>
      <c r="B23" s="992"/>
      <c r="C23" s="992"/>
      <c r="D23" s="993"/>
      <c r="E23" s="991">
        <f>'確認書（清浄機）'!C52</f>
        <v>0</v>
      </c>
      <c r="F23" s="993"/>
      <c r="G23" s="991">
        <f>'確認書（清浄機）'!J52</f>
        <v>0</v>
      </c>
      <c r="H23" s="993"/>
      <c r="I23" s="994">
        <f>'確認書（清浄機）'!R52</f>
        <v>0</v>
      </c>
      <c r="J23" s="995"/>
      <c r="K23" s="994">
        <f>'確認書（清浄機）'!V52</f>
        <v>0</v>
      </c>
      <c r="L23" s="995"/>
      <c r="M23" s="996">
        <f t="shared" si="0"/>
        <v>0</v>
      </c>
      <c r="N23" s="997"/>
      <c r="O23" s="994">
        <f>'確認書（清浄機）'!AE52</f>
        <v>0</v>
      </c>
      <c r="P23" s="995"/>
      <c r="Q23" s="994" t="str">
        <f>IF(I23&gt;0,'確認書（清浄機）'!$C$35,"")</f>
        <v/>
      </c>
      <c r="R23" s="995"/>
    </row>
    <row r="24" spans="1:18" s="305" customFormat="1">
      <c r="A24" s="991" t="str">
        <f t="shared" si="1"/>
        <v/>
      </c>
      <c r="B24" s="992"/>
      <c r="C24" s="992"/>
      <c r="D24" s="993"/>
      <c r="E24" s="991">
        <f>'確認書（清浄機）'!C53</f>
        <v>0</v>
      </c>
      <c r="F24" s="993"/>
      <c r="G24" s="991">
        <f>'確認書（清浄機）'!J53</f>
        <v>0</v>
      </c>
      <c r="H24" s="993"/>
      <c r="I24" s="994">
        <f>'確認書（清浄機）'!R53</f>
        <v>0</v>
      </c>
      <c r="J24" s="995"/>
      <c r="K24" s="994">
        <f>'確認書（清浄機）'!V53</f>
        <v>0</v>
      </c>
      <c r="L24" s="995"/>
      <c r="M24" s="996">
        <f t="shared" si="0"/>
        <v>0</v>
      </c>
      <c r="N24" s="997"/>
      <c r="O24" s="994">
        <f>'確認書（清浄機）'!AE53</f>
        <v>0</v>
      </c>
      <c r="P24" s="995"/>
      <c r="Q24" s="994" t="str">
        <f>IF(I24&gt;0,'確認書（清浄機）'!$C$35,"")</f>
        <v/>
      </c>
      <c r="R24" s="995"/>
    </row>
    <row r="25" spans="1:18" s="305" customFormat="1" ht="13.5" customHeight="1">
      <c r="A25" s="991" t="str">
        <f t="shared" si="1"/>
        <v/>
      </c>
      <c r="B25" s="992"/>
      <c r="C25" s="992"/>
      <c r="D25" s="993"/>
      <c r="E25" s="991">
        <f>'確認書（清浄機）'!C54</f>
        <v>0</v>
      </c>
      <c r="F25" s="993"/>
      <c r="G25" s="991">
        <f>'確認書（清浄機）'!J54</f>
        <v>0</v>
      </c>
      <c r="H25" s="993"/>
      <c r="I25" s="994">
        <f>'確認書（清浄機）'!R54</f>
        <v>0</v>
      </c>
      <c r="J25" s="995"/>
      <c r="K25" s="994">
        <f>'確認書（清浄機）'!V54</f>
        <v>0</v>
      </c>
      <c r="L25" s="995"/>
      <c r="M25" s="996">
        <f t="shared" si="0"/>
        <v>0</v>
      </c>
      <c r="N25" s="997"/>
      <c r="O25" s="994">
        <f>'確認書（清浄機）'!AE54</f>
        <v>0</v>
      </c>
      <c r="P25" s="995"/>
      <c r="Q25" s="994" t="str">
        <f>IF(I25&gt;0,'確認書（清浄機）'!$C$35,"")</f>
        <v/>
      </c>
      <c r="R25" s="995"/>
    </row>
    <row r="26" spans="1:18" s="305" customFormat="1" ht="12" customHeight="1">
      <c r="A26" s="991" t="str">
        <f t="shared" si="1"/>
        <v/>
      </c>
      <c r="B26" s="992"/>
      <c r="C26" s="992"/>
      <c r="D26" s="993"/>
      <c r="E26" s="991">
        <f>'確認書（清浄機）'!C55</f>
        <v>0</v>
      </c>
      <c r="F26" s="993"/>
      <c r="G26" s="991">
        <f>'確認書（清浄機）'!J55</f>
        <v>0</v>
      </c>
      <c r="H26" s="993"/>
      <c r="I26" s="994">
        <f>'確認書（清浄機）'!R55</f>
        <v>0</v>
      </c>
      <c r="J26" s="995"/>
      <c r="K26" s="994">
        <f>'確認書（清浄機）'!V55</f>
        <v>0</v>
      </c>
      <c r="L26" s="995"/>
      <c r="M26" s="996">
        <f t="shared" si="0"/>
        <v>0</v>
      </c>
      <c r="N26" s="997"/>
      <c r="O26" s="994">
        <f>'確認書（清浄機）'!AE55</f>
        <v>0</v>
      </c>
      <c r="P26" s="995"/>
      <c r="Q26" s="994" t="str">
        <f>IF(I26&gt;0,'確認書（清浄機）'!$C$35,"")</f>
        <v/>
      </c>
      <c r="R26" s="995"/>
    </row>
    <row r="27" spans="1:18" s="305" customFormat="1" ht="13.5" customHeight="1">
      <c r="A27" s="991">
        <f>'確認書（清浄機）'!C124</f>
        <v>0</v>
      </c>
      <c r="B27" s="992"/>
      <c r="C27" s="992"/>
      <c r="D27" s="993"/>
      <c r="E27" s="991">
        <f>'確認書（清浄機）'!I124</f>
        <v>0</v>
      </c>
      <c r="F27" s="993"/>
      <c r="G27" s="991">
        <f>'確認書（清浄機）'!N124</f>
        <v>0</v>
      </c>
      <c r="H27" s="993"/>
      <c r="I27" s="994">
        <f>'確認書（清浄機）'!S124</f>
        <v>0</v>
      </c>
      <c r="J27" s="995"/>
      <c r="K27" s="994">
        <f>'確認書（清浄機）'!W124</f>
        <v>0</v>
      </c>
      <c r="L27" s="995"/>
      <c r="M27" s="996">
        <f t="shared" si="0"/>
        <v>0</v>
      </c>
      <c r="N27" s="997"/>
      <c r="O27" s="994">
        <f>'確認書（清浄機）'!AE124</f>
        <v>0</v>
      </c>
      <c r="P27" s="995"/>
      <c r="Q27" s="994" t="str">
        <f>IF(I27&gt;0,'確認書（清浄機）'!$C$35,"")</f>
        <v/>
      </c>
      <c r="R27" s="995"/>
    </row>
    <row r="28" spans="1:18" s="305" customFormat="1" ht="13.5" customHeight="1">
      <c r="A28" s="991">
        <f>'確認書（清浄機）'!C125</f>
        <v>0</v>
      </c>
      <c r="B28" s="992"/>
      <c r="C28" s="992"/>
      <c r="D28" s="993"/>
      <c r="E28" s="991">
        <f>'確認書（清浄機）'!I125</f>
        <v>0</v>
      </c>
      <c r="F28" s="993"/>
      <c r="G28" s="991">
        <f>'確認書（清浄機）'!N125</f>
        <v>0</v>
      </c>
      <c r="H28" s="993"/>
      <c r="I28" s="994">
        <f>'確認書（清浄機）'!S125</f>
        <v>0</v>
      </c>
      <c r="J28" s="995"/>
      <c r="K28" s="994">
        <f>'確認書（清浄機）'!W125</f>
        <v>0</v>
      </c>
      <c r="L28" s="995"/>
      <c r="M28" s="996">
        <f t="shared" si="0"/>
        <v>0</v>
      </c>
      <c r="N28" s="997"/>
      <c r="O28" s="994">
        <f>'確認書（清浄機）'!AE125</f>
        <v>0</v>
      </c>
      <c r="P28" s="995"/>
      <c r="Q28" s="994" t="str">
        <f>IF(I28&gt;0,'確認書（清浄機）'!$C$35,"")</f>
        <v/>
      </c>
      <c r="R28" s="995"/>
    </row>
    <row r="29" spans="1:18" s="305" customFormat="1" ht="13.5" customHeight="1">
      <c r="A29" s="991">
        <f>'確認書（清浄機）'!C126</f>
        <v>0</v>
      </c>
      <c r="B29" s="992"/>
      <c r="C29" s="992"/>
      <c r="D29" s="993"/>
      <c r="E29" s="991">
        <f>'確認書（清浄機）'!I126</f>
        <v>0</v>
      </c>
      <c r="F29" s="993"/>
      <c r="G29" s="991">
        <f>'確認書（清浄機）'!N126</f>
        <v>0</v>
      </c>
      <c r="H29" s="993"/>
      <c r="I29" s="994">
        <f>'確認書（清浄機）'!S126</f>
        <v>0</v>
      </c>
      <c r="J29" s="995"/>
      <c r="K29" s="994">
        <f>'確認書（清浄機）'!W126</f>
        <v>0</v>
      </c>
      <c r="L29" s="995"/>
      <c r="M29" s="996">
        <f t="shared" si="0"/>
        <v>0</v>
      </c>
      <c r="N29" s="997"/>
      <c r="O29" s="994">
        <f>'確認書（清浄機）'!AE126</f>
        <v>0</v>
      </c>
      <c r="P29" s="995"/>
      <c r="Q29" s="994" t="str">
        <f>IF(I29&gt;0,'確認書（清浄機）'!$C$35,"")</f>
        <v/>
      </c>
      <c r="R29" s="995"/>
    </row>
    <row r="30" spans="1:18" s="305" customFormat="1" ht="13.5" customHeight="1">
      <c r="A30" s="991">
        <f>'確認書（清浄機）'!C127</f>
        <v>0</v>
      </c>
      <c r="B30" s="992"/>
      <c r="C30" s="992"/>
      <c r="D30" s="993"/>
      <c r="E30" s="991">
        <f>'確認書（清浄機）'!I127</f>
        <v>0</v>
      </c>
      <c r="F30" s="993"/>
      <c r="G30" s="991">
        <f>'確認書（清浄機）'!N127</f>
        <v>0</v>
      </c>
      <c r="H30" s="993"/>
      <c r="I30" s="994">
        <f>'確認書（清浄機）'!S127</f>
        <v>0</v>
      </c>
      <c r="J30" s="995"/>
      <c r="K30" s="994">
        <f>'確認書（清浄機）'!W127</f>
        <v>0</v>
      </c>
      <c r="L30" s="995"/>
      <c r="M30" s="996">
        <f t="shared" si="0"/>
        <v>0</v>
      </c>
      <c r="N30" s="997"/>
      <c r="O30" s="994">
        <f>'確認書（清浄機）'!AE127</f>
        <v>0</v>
      </c>
      <c r="P30" s="995"/>
      <c r="Q30" s="994" t="str">
        <f>IF(I30&gt;0,'確認書（清浄機）'!$C$35,"")</f>
        <v/>
      </c>
      <c r="R30" s="995"/>
    </row>
    <row r="31" spans="1:18" s="305" customFormat="1" ht="13.5" customHeight="1">
      <c r="A31" s="1011">
        <f>'確認書（清浄機）'!C128</f>
        <v>0</v>
      </c>
      <c r="B31" s="1012"/>
      <c r="C31" s="1012"/>
      <c r="D31" s="1013"/>
      <c r="E31" s="1011">
        <f>'確認書（清浄機）'!I128</f>
        <v>0</v>
      </c>
      <c r="F31" s="1013"/>
      <c r="G31" s="1011">
        <f>'確認書（清浄機）'!N128</f>
        <v>0</v>
      </c>
      <c r="H31" s="1013"/>
      <c r="I31" s="1006">
        <f>'確認書（清浄機）'!S128</f>
        <v>0</v>
      </c>
      <c r="J31" s="1007"/>
      <c r="K31" s="1006">
        <f>'確認書（清浄機）'!W128</f>
        <v>0</v>
      </c>
      <c r="L31" s="1007"/>
      <c r="M31" s="1014">
        <f t="shared" si="0"/>
        <v>0</v>
      </c>
      <c r="N31" s="1015"/>
      <c r="O31" s="1006">
        <f>'確認書（清浄機）'!AE128</f>
        <v>0</v>
      </c>
      <c r="P31" s="1007"/>
      <c r="Q31" s="1006" t="str">
        <f>IF(I31&gt;0,'確認書（清浄機）'!$C$35,"")</f>
        <v/>
      </c>
      <c r="R31" s="1007"/>
    </row>
    <row r="32" spans="1:18" s="305" customFormat="1" ht="13.5" customHeight="1">
      <c r="A32" s="1008"/>
      <c r="B32" s="1009"/>
      <c r="C32" s="1009"/>
      <c r="D32" s="1010"/>
      <c r="E32" s="1008"/>
      <c r="F32" s="1010"/>
      <c r="G32" s="1008"/>
      <c r="H32" s="1010"/>
      <c r="I32" s="1008"/>
      <c r="J32" s="1010"/>
      <c r="K32" s="1008" t="s">
        <v>295</v>
      </c>
      <c r="L32" s="1010"/>
      <c r="M32" s="1008">
        <f>SUBTOTAL(109,M22:N31)</f>
        <v>0</v>
      </c>
      <c r="N32" s="1010"/>
      <c r="O32" s="1008"/>
      <c r="P32" s="1010"/>
      <c r="Q32" s="1008"/>
      <c r="R32" s="1010"/>
    </row>
    <row r="34" spans="1:18" ht="17.25">
      <c r="A34" s="310" t="s">
        <v>294</v>
      </c>
    </row>
    <row r="35" spans="1:18">
      <c r="A35" s="309" t="s">
        <v>293</v>
      </c>
      <c r="B35" s="308"/>
      <c r="C35" s="308"/>
      <c r="D35" s="308"/>
      <c r="E35" s="308"/>
      <c r="F35" s="308"/>
      <c r="G35" s="308"/>
      <c r="H35" s="308"/>
      <c r="I35" s="308"/>
      <c r="J35" s="308"/>
      <c r="K35" s="308"/>
      <c r="L35" s="308"/>
      <c r="M35" s="308"/>
      <c r="N35" s="308"/>
      <c r="O35" s="308"/>
      <c r="P35" s="308"/>
      <c r="Q35" s="308"/>
      <c r="R35" s="307"/>
    </row>
    <row r="36" spans="1:18">
      <c r="A36" s="1000">
        <f>'確認書（清浄機）'!$C$112</f>
        <v>0</v>
      </c>
      <c r="B36" s="1001"/>
      <c r="C36" s="1001"/>
      <c r="D36" s="1001"/>
      <c r="E36" s="1001"/>
      <c r="F36" s="1001"/>
      <c r="G36" s="1001"/>
      <c r="H36" s="1001"/>
      <c r="I36" s="1001"/>
      <c r="J36" s="1001"/>
      <c r="K36" s="1001"/>
      <c r="L36" s="1001"/>
      <c r="M36" s="1001"/>
      <c r="N36" s="1001"/>
      <c r="O36" s="1001"/>
      <c r="P36" s="1001"/>
      <c r="Q36" s="1001"/>
      <c r="R36" s="1002"/>
    </row>
    <row r="37" spans="1:18">
      <c r="A37" s="1000"/>
      <c r="B37" s="1001"/>
      <c r="C37" s="1001"/>
      <c r="D37" s="1001"/>
      <c r="E37" s="1001"/>
      <c r="F37" s="1001"/>
      <c r="G37" s="1001"/>
      <c r="H37" s="1001"/>
      <c r="I37" s="1001"/>
      <c r="J37" s="1001"/>
      <c r="K37" s="1001"/>
      <c r="L37" s="1001"/>
      <c r="M37" s="1001"/>
      <c r="N37" s="1001"/>
      <c r="O37" s="1001"/>
      <c r="P37" s="1001"/>
      <c r="Q37" s="1001"/>
      <c r="R37" s="1002"/>
    </row>
    <row r="38" spans="1:18">
      <c r="A38" s="1000"/>
      <c r="B38" s="1001"/>
      <c r="C38" s="1001"/>
      <c r="D38" s="1001"/>
      <c r="E38" s="1001"/>
      <c r="F38" s="1001"/>
      <c r="G38" s="1001"/>
      <c r="H38" s="1001"/>
      <c r="I38" s="1001"/>
      <c r="J38" s="1001"/>
      <c r="K38" s="1001"/>
      <c r="L38" s="1001"/>
      <c r="M38" s="1001"/>
      <c r="N38" s="1001"/>
      <c r="O38" s="1001"/>
      <c r="P38" s="1001"/>
      <c r="Q38" s="1001"/>
      <c r="R38" s="1002"/>
    </row>
    <row r="39" spans="1:18">
      <c r="A39" s="1000"/>
      <c r="B39" s="1001"/>
      <c r="C39" s="1001"/>
      <c r="D39" s="1001"/>
      <c r="E39" s="1001"/>
      <c r="F39" s="1001"/>
      <c r="G39" s="1001"/>
      <c r="H39" s="1001"/>
      <c r="I39" s="1001"/>
      <c r="J39" s="1001"/>
      <c r="K39" s="1001"/>
      <c r="L39" s="1001"/>
      <c r="M39" s="1001"/>
      <c r="N39" s="1001"/>
      <c r="O39" s="1001"/>
      <c r="P39" s="1001"/>
      <c r="Q39" s="1001"/>
      <c r="R39" s="1002"/>
    </row>
    <row r="40" spans="1:18">
      <c r="A40" s="1000"/>
      <c r="B40" s="1001"/>
      <c r="C40" s="1001"/>
      <c r="D40" s="1001"/>
      <c r="E40" s="1001"/>
      <c r="F40" s="1001"/>
      <c r="G40" s="1001"/>
      <c r="H40" s="1001"/>
      <c r="I40" s="1001"/>
      <c r="J40" s="1001"/>
      <c r="K40" s="1001"/>
      <c r="L40" s="1001"/>
      <c r="M40" s="1001"/>
      <c r="N40" s="1001"/>
      <c r="O40" s="1001"/>
      <c r="P40" s="1001"/>
      <c r="Q40" s="1001"/>
      <c r="R40" s="1002"/>
    </row>
    <row r="41" spans="1:18">
      <c r="A41" s="1000"/>
      <c r="B41" s="1001"/>
      <c r="C41" s="1001"/>
      <c r="D41" s="1001"/>
      <c r="E41" s="1001"/>
      <c r="F41" s="1001"/>
      <c r="G41" s="1001"/>
      <c r="H41" s="1001"/>
      <c r="I41" s="1001"/>
      <c r="J41" s="1001"/>
      <c r="K41" s="1001"/>
      <c r="L41" s="1001"/>
      <c r="M41" s="1001"/>
      <c r="N41" s="1001"/>
      <c r="O41" s="1001"/>
      <c r="P41" s="1001"/>
      <c r="Q41" s="1001"/>
      <c r="R41" s="1002"/>
    </row>
    <row r="42" spans="1:18">
      <c r="A42" s="1000"/>
      <c r="B42" s="1001"/>
      <c r="C42" s="1001"/>
      <c r="D42" s="1001"/>
      <c r="E42" s="1001"/>
      <c r="F42" s="1001"/>
      <c r="G42" s="1001"/>
      <c r="H42" s="1001"/>
      <c r="I42" s="1001"/>
      <c r="J42" s="1001"/>
      <c r="K42" s="1001"/>
      <c r="L42" s="1001"/>
      <c r="M42" s="1001"/>
      <c r="N42" s="1001"/>
      <c r="O42" s="1001"/>
      <c r="P42" s="1001"/>
      <c r="Q42" s="1001"/>
      <c r="R42" s="1002"/>
    </row>
    <row r="43" spans="1:18">
      <c r="A43" s="1000"/>
      <c r="B43" s="1001"/>
      <c r="C43" s="1001"/>
      <c r="D43" s="1001"/>
      <c r="E43" s="1001"/>
      <c r="F43" s="1001"/>
      <c r="G43" s="1001"/>
      <c r="H43" s="1001"/>
      <c r="I43" s="1001"/>
      <c r="J43" s="1001"/>
      <c r="K43" s="1001"/>
      <c r="L43" s="1001"/>
      <c r="M43" s="1001"/>
      <c r="N43" s="1001"/>
      <c r="O43" s="1001"/>
      <c r="P43" s="1001"/>
      <c r="Q43" s="1001"/>
      <c r="R43" s="1002"/>
    </row>
    <row r="44" spans="1:18">
      <c r="A44" s="1003"/>
      <c r="B44" s="1004"/>
      <c r="C44" s="1004"/>
      <c r="D44" s="1004"/>
      <c r="E44" s="1004"/>
      <c r="F44" s="1004"/>
      <c r="G44" s="1004"/>
      <c r="H44" s="1004"/>
      <c r="I44" s="1004"/>
      <c r="J44" s="1004"/>
      <c r="K44" s="1004"/>
      <c r="L44" s="1004"/>
      <c r="M44" s="1004"/>
      <c r="N44" s="1004"/>
      <c r="O44" s="1004"/>
      <c r="P44" s="1004"/>
      <c r="Q44" s="1004"/>
      <c r="R44" s="1005"/>
    </row>
    <row r="45" spans="1:18">
      <c r="A45" s="306"/>
      <c r="B45" s="306"/>
      <c r="C45" s="306"/>
      <c r="D45" s="306"/>
      <c r="E45" s="306"/>
      <c r="F45" s="306"/>
      <c r="G45" s="306"/>
      <c r="H45" s="306"/>
      <c r="I45" s="306"/>
      <c r="J45" s="306"/>
      <c r="K45" s="306"/>
      <c r="L45" s="306"/>
      <c r="M45" s="306"/>
      <c r="N45" s="306"/>
      <c r="O45" s="306"/>
      <c r="P45" s="306"/>
      <c r="Q45" s="306"/>
      <c r="R45" s="306"/>
    </row>
    <row r="46" spans="1:18" ht="10.5" customHeight="1">
      <c r="R46" s="305"/>
    </row>
    <row r="47" spans="1:18">
      <c r="R47" s="305"/>
    </row>
    <row r="48" spans="1:18">
      <c r="A48" s="304" t="s">
        <v>292</v>
      </c>
    </row>
    <row r="49" spans="1:1">
      <c r="A49" s="304" t="s">
        <v>291</v>
      </c>
    </row>
    <row r="50" spans="1:1">
      <c r="A50" s="304" t="s">
        <v>290</v>
      </c>
    </row>
    <row r="51" spans="1:1">
      <c r="A51" s="304" t="s">
        <v>289</v>
      </c>
    </row>
    <row r="52" spans="1:1">
      <c r="A52" s="304" t="s">
        <v>288</v>
      </c>
    </row>
    <row r="53" spans="1:1">
      <c r="A53" s="304" t="s">
        <v>287</v>
      </c>
    </row>
  </sheetData>
  <sheetProtection algorithmName="SHA-512" hashValue="BwrhJ4BSrGVoDvE0RNQryOMKRVdyG8k2twWY5TJQcHlrPl5+b68VBpOzl9+rjk/EMJKRLdi5ZXY7dN/+rbnnuw==" saltValue="TJY8oxtkZWa9u9m996eRPQ==" spinCount="100000" sheet="1" objects="1" scenarios="1"/>
  <mergeCells count="117">
    <mergeCell ref="O1:P1"/>
    <mergeCell ref="Q1:R1"/>
    <mergeCell ref="A2:R2"/>
    <mergeCell ref="A4:B4"/>
    <mergeCell ref="C4:K4"/>
    <mergeCell ref="O4:P4"/>
    <mergeCell ref="Q4:R4"/>
    <mergeCell ref="A5:B8"/>
    <mergeCell ref="D5:K5"/>
    <mergeCell ref="O5:P5"/>
    <mergeCell ref="Q5:R5"/>
    <mergeCell ref="D6:K6"/>
    <mergeCell ref="D7:K7"/>
    <mergeCell ref="D8:K8"/>
    <mergeCell ref="A10:D10"/>
    <mergeCell ref="E10:K10"/>
    <mergeCell ref="L10:R10"/>
    <mergeCell ref="A11:D13"/>
    <mergeCell ref="E11:K13"/>
    <mergeCell ref="L11:R13"/>
    <mergeCell ref="A20:D20"/>
    <mergeCell ref="E20:F20"/>
    <mergeCell ref="G20:H20"/>
    <mergeCell ref="I20:J20"/>
    <mergeCell ref="K20:L20"/>
    <mergeCell ref="M20:N20"/>
    <mergeCell ref="O20:P20"/>
    <mergeCell ref="Q20:R20"/>
    <mergeCell ref="A22:D22"/>
    <mergeCell ref="E22:F22"/>
    <mergeCell ref="G22:H22"/>
    <mergeCell ref="I22:J22"/>
    <mergeCell ref="K22:L22"/>
    <mergeCell ref="M22:N22"/>
    <mergeCell ref="O22:P22"/>
    <mergeCell ref="Q22:R22"/>
    <mergeCell ref="A23:D23"/>
    <mergeCell ref="E23:F23"/>
    <mergeCell ref="G23:H23"/>
    <mergeCell ref="I23:J23"/>
    <mergeCell ref="K23:L23"/>
    <mergeCell ref="M23:N23"/>
    <mergeCell ref="O23:P23"/>
    <mergeCell ref="Q23:R23"/>
    <mergeCell ref="A24:D24"/>
    <mergeCell ref="E24:F24"/>
    <mergeCell ref="G24:H24"/>
    <mergeCell ref="I24:J24"/>
    <mergeCell ref="K24:L24"/>
    <mergeCell ref="M24:N24"/>
    <mergeCell ref="O24:P24"/>
    <mergeCell ref="Q24:R24"/>
    <mergeCell ref="A25:D25"/>
    <mergeCell ref="E25:F25"/>
    <mergeCell ref="G25:H25"/>
    <mergeCell ref="I25:J25"/>
    <mergeCell ref="K25:L25"/>
    <mergeCell ref="M25:N25"/>
    <mergeCell ref="O25:P25"/>
    <mergeCell ref="Q25:R25"/>
    <mergeCell ref="A26:D26"/>
    <mergeCell ref="E26:F26"/>
    <mergeCell ref="G26:H26"/>
    <mergeCell ref="I26:J26"/>
    <mergeCell ref="K26:L26"/>
    <mergeCell ref="M26:N26"/>
    <mergeCell ref="O26:P26"/>
    <mergeCell ref="Q26:R26"/>
    <mergeCell ref="A27:D27"/>
    <mergeCell ref="E27:F27"/>
    <mergeCell ref="G27:H27"/>
    <mergeCell ref="I27:J27"/>
    <mergeCell ref="K27:L27"/>
    <mergeCell ref="M27:N27"/>
    <mergeCell ref="O27:P27"/>
    <mergeCell ref="Q27:R27"/>
    <mergeCell ref="A28:D28"/>
    <mergeCell ref="E28:F28"/>
    <mergeCell ref="G28:H28"/>
    <mergeCell ref="I28:J28"/>
    <mergeCell ref="K28:L28"/>
    <mergeCell ref="M28:N28"/>
    <mergeCell ref="O28:P28"/>
    <mergeCell ref="Q28:R28"/>
    <mergeCell ref="A29:D29"/>
    <mergeCell ref="E29:F29"/>
    <mergeCell ref="G29:H29"/>
    <mergeCell ref="I29:J29"/>
    <mergeCell ref="K29:L29"/>
    <mergeCell ref="M29:N29"/>
    <mergeCell ref="O29:P29"/>
    <mergeCell ref="Q29:R29"/>
    <mergeCell ref="A30:D30"/>
    <mergeCell ref="E30:F30"/>
    <mergeCell ref="G30:H30"/>
    <mergeCell ref="I30:J30"/>
    <mergeCell ref="K30:L30"/>
    <mergeCell ref="M30:N30"/>
    <mergeCell ref="O30:P30"/>
    <mergeCell ref="Q30:R30"/>
    <mergeCell ref="Q32:R32"/>
    <mergeCell ref="A31:D31"/>
    <mergeCell ref="E31:F31"/>
    <mergeCell ref="G31:H31"/>
    <mergeCell ref="I31:J31"/>
    <mergeCell ref="K31:L31"/>
    <mergeCell ref="M31:N31"/>
    <mergeCell ref="A36:R44"/>
    <mergeCell ref="O31:P31"/>
    <mergeCell ref="Q31:R31"/>
    <mergeCell ref="A32:D32"/>
    <mergeCell ref="E32:F32"/>
    <mergeCell ref="G32:H32"/>
    <mergeCell ref="I32:J32"/>
    <mergeCell ref="K32:L32"/>
    <mergeCell ref="M32:N32"/>
    <mergeCell ref="O32:P32"/>
  </mergeCells>
  <phoneticPr fontId="2"/>
  <dataValidations count="3">
    <dataValidation type="list" allowBlank="1" showInputMessage="1" showErrorMessage="1" sqref="Q5:R5">
      <formula1>"1.事業計画書,2.実績報告書"</formula1>
    </dataValidation>
    <dataValidation type="list" allowBlank="1" showInputMessage="1" showErrorMessage="1" sqref="J16:J17 A16:A17">
      <formula1>"○"</formula1>
    </dataValidation>
    <dataValidation type="list" allowBlank="1" showInputMessage="1" showErrorMessage="1" sqref="C5:C8">
      <formula1>"〇"</formula1>
    </dataValidation>
  </dataValidations>
  <printOptions horizontalCentered="1"/>
  <pageMargins left="0.59055118110236227" right="0.59055118110236227" top="0.59055118110236227" bottom="0.59055118110236227" header="0.39370078740157483" footer="0.39370078740157483"/>
  <pageSetup paperSize="9" scale="89" orientation="portrait" blackAndWhite="1" r:id="rId1"/>
  <headerFooter>
    <oddFooter>&amp;C&amp;"ＭＳ ゴシック,標準"&amp;10&amp;P</oddFooter>
  </headerFooter>
  <rowBreaks count="1" manualBreakCount="1">
    <brk id="47" max="17" man="1"/>
  </rowBreaks>
  <legacy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8"/>
  <sheetViews>
    <sheetView workbookViewId="0">
      <selection activeCell="A6" sqref="A6"/>
    </sheetView>
  </sheetViews>
  <sheetFormatPr defaultColWidth="9" defaultRowHeight="14.25" outlineLevelCol="1"/>
  <cols>
    <col min="1" max="1" width="24.125" style="402" bestFit="1" customWidth="1"/>
    <col min="2" max="3" width="9.125" style="402" bestFit="1" customWidth="1"/>
    <col min="4" max="4" width="11.25" style="402" customWidth="1"/>
    <col min="5" max="6" width="9.125" style="402" bestFit="1" customWidth="1"/>
    <col min="7" max="8" width="13.625" style="402" customWidth="1"/>
    <col min="9" max="9" width="9.125" style="402" bestFit="1" customWidth="1"/>
    <col min="10" max="12" width="13.125" style="402" customWidth="1"/>
    <col min="13" max="14" width="9" style="402"/>
    <col min="15" max="20" width="9" style="402" hidden="1" customWidth="1" outlineLevel="1"/>
    <col min="21" max="21" width="9" style="402" collapsed="1"/>
    <col min="22" max="27" width="9" style="402"/>
    <col min="28" max="28" width="21" style="402" customWidth="1"/>
    <col min="29" max="16384" width="9" style="402"/>
  </cols>
  <sheetData>
    <row r="1" spans="1:29" ht="28.5">
      <c r="A1" s="402" t="s">
        <v>393</v>
      </c>
      <c r="B1" s="402" t="s">
        <v>374</v>
      </c>
      <c r="C1" s="402" t="s">
        <v>375</v>
      </c>
      <c r="D1" s="402" t="s">
        <v>148</v>
      </c>
      <c r="E1" s="402" t="s">
        <v>376</v>
      </c>
      <c r="F1" s="402" t="s">
        <v>150</v>
      </c>
      <c r="G1" s="403" t="s">
        <v>383</v>
      </c>
      <c r="H1" s="404" t="s">
        <v>386</v>
      </c>
      <c r="I1" s="402" t="s">
        <v>384</v>
      </c>
      <c r="J1" s="403" t="s">
        <v>385</v>
      </c>
      <c r="K1" s="402" t="s">
        <v>377</v>
      </c>
      <c r="L1" s="403" t="s">
        <v>387</v>
      </c>
      <c r="M1" s="403" t="s">
        <v>388</v>
      </c>
      <c r="N1" s="403" t="s">
        <v>389</v>
      </c>
      <c r="O1" s="403" t="s">
        <v>390</v>
      </c>
      <c r="P1" s="403" t="s">
        <v>391</v>
      </c>
      <c r="Q1" s="403" t="s">
        <v>378</v>
      </c>
      <c r="R1" s="403" t="s">
        <v>379</v>
      </c>
      <c r="S1" s="403" t="s">
        <v>380</v>
      </c>
      <c r="T1" s="403"/>
      <c r="U1" s="403" t="s">
        <v>381</v>
      </c>
      <c r="V1" s="403" t="s">
        <v>382</v>
      </c>
      <c r="Y1" s="402" t="s">
        <v>392</v>
      </c>
      <c r="AA1" s="402" t="s">
        <v>434</v>
      </c>
    </row>
    <row r="2" spans="1:29">
      <c r="A2" s="402" t="s">
        <v>120</v>
      </c>
      <c r="B2" s="407">
        <f>基礎情報!$D$9</f>
        <v>0</v>
      </c>
      <c r="C2" s="407">
        <f>基礎情報!$D$6</f>
        <v>0</v>
      </c>
      <c r="D2" s="407">
        <f>'概要（陰圧）'!M32</f>
        <v>0</v>
      </c>
      <c r="E2" s="407">
        <f>'確認書（陰圧）'!B43</f>
        <v>0</v>
      </c>
      <c r="F2" s="405">
        <f>D2-E2</f>
        <v>0</v>
      </c>
      <c r="G2" s="407">
        <f>'確認書（陰圧）'!K45</f>
        <v>0</v>
      </c>
      <c r="H2" s="407">
        <v>4320000</v>
      </c>
      <c r="I2" s="407">
        <f>'確認書（陰圧）'!K38</f>
        <v>0</v>
      </c>
      <c r="J2" s="405">
        <f>H2*I2</f>
        <v>0</v>
      </c>
      <c r="K2" s="405">
        <f>MIN(G2,J2)</f>
        <v>0</v>
      </c>
      <c r="L2" s="407">
        <f>ROUNDDOWN(Y2*1,-3)</f>
        <v>0</v>
      </c>
      <c r="M2" s="405"/>
      <c r="N2" s="405"/>
      <c r="O2" s="405"/>
      <c r="P2" s="405"/>
      <c r="Q2" s="405"/>
      <c r="R2" s="405"/>
      <c r="S2" s="405"/>
      <c r="U2" s="406" t="str">
        <f>AC2</f>
        <v>エラー</v>
      </c>
      <c r="V2" s="406" t="str">
        <f>'確認書（陰圧）'!C47&amp;"、"&amp;'確認書（陰圧）'!C48&amp;"、"&amp;'確認書（陰圧）'!C49</f>
        <v>、、</v>
      </c>
      <c r="Y2" s="405">
        <f>MIN(K2,F2)</f>
        <v>0</v>
      </c>
      <c r="Z2" s="405"/>
      <c r="AA2" s="402">
        <f>IF(基礎情報!$D$11="",基礎情報!$D$5,基礎情報!$D$11)</f>
        <v>0</v>
      </c>
      <c r="AB2" s="402" t="str">
        <f>SUBSTITUTE(AA2,"神奈川県","")</f>
        <v>0</v>
      </c>
      <c r="AC2" s="402" t="str">
        <f>IF(ISERROR(FIND("市",AB2))=FALSE,LEFT(AB2,FIND("市",AB2)),IF(ISERROR(FIND("区",AB2))=FALSE,LEFT(AB2,FIND("区",AB2)),IF(ISERROR(FIND("町",AB2))=FALSE,LEFT(AB2,FIND("町",AB2)),IF(ISERROR(FIND("村",AB2))=FALSE,LEFT(AB2,FIND("村",AB2)),"エラー"))))</f>
        <v>エラー</v>
      </c>
    </row>
    <row r="3" spans="1:29">
      <c r="A3" s="402" t="s">
        <v>394</v>
      </c>
      <c r="B3" s="407">
        <f>基礎情報!$D$9</f>
        <v>0</v>
      </c>
      <c r="C3" s="407">
        <f>基礎情報!$D$6</f>
        <v>0</v>
      </c>
      <c r="D3" s="407">
        <f>'概要（検査機器）'!M32</f>
        <v>0</v>
      </c>
      <c r="E3" s="407">
        <f>'確認書（検査機器）'!C43</f>
        <v>0</v>
      </c>
      <c r="F3" s="405">
        <f>D3-E3</f>
        <v>0</v>
      </c>
      <c r="G3" s="407">
        <f>'確認書（検査機器）'!AH57</f>
        <v>0</v>
      </c>
      <c r="H3" s="407">
        <v>9350000</v>
      </c>
      <c r="I3" s="407">
        <f>'確認書（検査機器）'!AH45</f>
        <v>0</v>
      </c>
      <c r="J3" s="405">
        <f>H3*I3</f>
        <v>0</v>
      </c>
      <c r="K3" s="405">
        <f>MIN(G3,J3)</f>
        <v>0</v>
      </c>
      <c r="L3" s="407">
        <f>ROUNDDOWN(Y3*1,-3)</f>
        <v>0</v>
      </c>
      <c r="M3" s="405"/>
      <c r="N3" s="405"/>
      <c r="O3" s="405"/>
      <c r="P3" s="405"/>
      <c r="Q3" s="405"/>
      <c r="R3" s="405"/>
      <c r="S3" s="405"/>
      <c r="U3" s="406" t="str">
        <f t="shared" ref="U3:U5" si="0">AC3</f>
        <v>エラー</v>
      </c>
      <c r="V3" s="406" t="str">
        <f>'確認書（検査機器）'!K47&amp;"、"&amp;'確認書（検査機器）'!K48&amp;"、"&amp;'確認書（検査機器）'!K49</f>
        <v>、、</v>
      </c>
      <c r="Y3" s="405">
        <f>MIN(K3,F3)</f>
        <v>0</v>
      </c>
      <c r="Z3" s="405"/>
      <c r="AA3" s="402">
        <f>IF(基礎情報!$D$11="",基礎情報!$D$5,基礎情報!$D$11)</f>
        <v>0</v>
      </c>
      <c r="AB3" s="402" t="str">
        <f t="shared" ref="AB3:AB5" si="1">SUBSTITUTE(AA3,"神奈川県","")</f>
        <v>0</v>
      </c>
      <c r="AC3" s="402" t="str">
        <f t="shared" ref="AC3:AC5" si="2">IF(ISERROR(FIND("市",AB3))=FALSE,LEFT(AB3,FIND("市",AB3)),IF(ISERROR(FIND("区",AB3))=FALSE,LEFT(AB3,FIND("区",AB3)),IF(ISERROR(FIND("町",AB3))=FALSE,LEFT(AB3,FIND("町",AB3)),IF(ISERROR(FIND("村",AB3))=FALSE,LEFT(AB3,FIND("村",AB3)),"エラー"))))</f>
        <v>エラー</v>
      </c>
    </row>
    <row r="4" spans="1:29">
      <c r="A4" s="402" t="s">
        <v>121</v>
      </c>
      <c r="B4" s="407">
        <f>基礎情報!$D$9</f>
        <v>0</v>
      </c>
      <c r="C4" s="407">
        <f>基礎情報!$D$6</f>
        <v>0</v>
      </c>
      <c r="D4" s="407">
        <f>'概要（ベッド）'!M32</f>
        <v>0</v>
      </c>
      <c r="E4" s="407">
        <f>'確認書（ベッド）'!B43</f>
        <v>0</v>
      </c>
      <c r="F4" s="405">
        <f>D4-E4</f>
        <v>0</v>
      </c>
      <c r="G4" s="407">
        <f>'確認書（ベッド）'!K45</f>
        <v>0</v>
      </c>
      <c r="H4" s="407">
        <v>51400</v>
      </c>
      <c r="I4" s="407">
        <f>'確認書（ベッド）'!K42</f>
        <v>0</v>
      </c>
      <c r="J4" s="405">
        <f>H4*I4</f>
        <v>0</v>
      </c>
      <c r="K4" s="405">
        <f>MIN(G4,J4)</f>
        <v>0</v>
      </c>
      <c r="L4" s="407">
        <f>ROUNDDOWN(Y4*1,-3)</f>
        <v>0</v>
      </c>
      <c r="M4" s="405"/>
      <c r="N4" s="405"/>
      <c r="O4" s="405"/>
      <c r="P4" s="405"/>
      <c r="Q4" s="405"/>
      <c r="R4" s="405"/>
      <c r="S4" s="405"/>
      <c r="U4" s="406" t="str">
        <f t="shared" si="0"/>
        <v>エラー</v>
      </c>
      <c r="V4" s="406" t="str">
        <f>'確認書（ベッド）'!C47&amp;"、"&amp;'確認書（ベッド）'!C48&amp;"、"&amp;'確認書（ベッド）'!C49</f>
        <v>、、</v>
      </c>
      <c r="Y4" s="405">
        <f>MIN(K4,F4)</f>
        <v>0</v>
      </c>
      <c r="Z4" s="405"/>
      <c r="AA4" s="402">
        <f>IF(基礎情報!$D$11="",基礎情報!$D$5,基礎情報!$D$11)</f>
        <v>0</v>
      </c>
      <c r="AB4" s="402" t="str">
        <f t="shared" si="1"/>
        <v>0</v>
      </c>
      <c r="AC4" s="402" t="str">
        <f t="shared" si="2"/>
        <v>エラー</v>
      </c>
    </row>
    <row r="5" spans="1:29">
      <c r="A5" s="402" t="s">
        <v>395</v>
      </c>
      <c r="B5" s="407">
        <f>基礎情報!$D$9</f>
        <v>0</v>
      </c>
      <c r="C5" s="407">
        <f>基礎情報!$D$6</f>
        <v>0</v>
      </c>
      <c r="D5" s="407">
        <f>'概要（清浄機）'!M32</f>
        <v>0</v>
      </c>
      <c r="E5" s="407">
        <f>'確認書（清浄機）'!C45</f>
        <v>0</v>
      </c>
      <c r="F5" s="405">
        <f>D5-E5</f>
        <v>0</v>
      </c>
      <c r="G5" s="407">
        <f>'確認書（清浄機）'!AI52</f>
        <v>0</v>
      </c>
      <c r="H5" s="407">
        <v>905000</v>
      </c>
      <c r="I5" s="407">
        <f>'確認書（清浄機）'!AI50</f>
        <v>0</v>
      </c>
      <c r="J5" s="405">
        <f>H5*I5</f>
        <v>0</v>
      </c>
      <c r="K5" s="405">
        <f>MIN(G5,J5)</f>
        <v>0</v>
      </c>
      <c r="L5" s="407">
        <f>ROUNDDOWN(Y5*1,-3)</f>
        <v>0</v>
      </c>
      <c r="M5" s="405"/>
      <c r="N5" s="405"/>
      <c r="O5" s="405"/>
      <c r="P5" s="405"/>
      <c r="Q5" s="405"/>
      <c r="R5" s="405"/>
      <c r="S5" s="405"/>
      <c r="U5" s="406" t="str">
        <f t="shared" si="0"/>
        <v>エラー</v>
      </c>
      <c r="V5" s="406" t="str">
        <f>'確認書（清浄機）'!J51&amp;"、"&amp;'確認書（清浄機）'!J52&amp;"、"&amp;'確認書（清浄機）'!J53</f>
        <v>、、</v>
      </c>
      <c r="Y5" s="405">
        <f t="shared" ref="Y5" si="3">MIN(K5,F5)</f>
        <v>0</v>
      </c>
      <c r="Z5" s="405"/>
      <c r="AA5" s="402">
        <f>IF(基礎情報!$D$11="",基礎情報!$D$5,基礎情報!$D$11)</f>
        <v>0</v>
      </c>
      <c r="AB5" s="402" t="str">
        <f t="shared" si="1"/>
        <v>0</v>
      </c>
      <c r="AC5" s="402" t="str">
        <f t="shared" si="2"/>
        <v>エラー</v>
      </c>
    </row>
    <row r="6" spans="1:29">
      <c r="B6" s="405"/>
      <c r="C6" s="405"/>
      <c r="D6" s="405"/>
      <c r="E6" s="405"/>
      <c r="F6" s="405"/>
      <c r="G6" s="405"/>
      <c r="H6" s="405"/>
      <c r="I6" s="405"/>
      <c r="J6" s="405"/>
      <c r="K6" s="405"/>
      <c r="L6" s="405"/>
      <c r="M6" s="405"/>
      <c r="N6" s="405"/>
      <c r="O6" s="405"/>
      <c r="P6" s="405"/>
      <c r="Q6" s="405"/>
      <c r="R6" s="405"/>
      <c r="S6" s="405"/>
    </row>
    <row r="7" spans="1:29">
      <c r="B7" s="405"/>
      <c r="C7" s="405"/>
      <c r="D7" s="405"/>
      <c r="E7" s="405"/>
      <c r="F7" s="405"/>
      <c r="G7" s="405"/>
      <c r="H7" s="405"/>
      <c r="I7" s="405"/>
      <c r="J7" s="405"/>
      <c r="K7" s="405"/>
      <c r="L7" s="405"/>
      <c r="M7" s="405"/>
      <c r="N7" s="405"/>
      <c r="O7" s="405"/>
      <c r="P7" s="405"/>
      <c r="Q7" s="405"/>
      <c r="R7" s="405"/>
      <c r="S7" s="405"/>
    </row>
    <row r="8" spans="1:29">
      <c r="A8" s="402" t="s">
        <v>396</v>
      </c>
    </row>
  </sheetData>
  <sheetProtection algorithmName="SHA-512" hashValue="CYbpedUkxqy3wVHctPm0XYrt6N8r2Ui17mqf8EG3cy3KgNWs1JX7+k3h3VP3EPzxaUz3cHHBFrsxaTJQbqPukA==" saltValue="15Kj5stiMBEwhE6gJs5t7g==" spinCount="100000" sheet="1" objects="1" scenarios="1"/>
  <phoneticPr fontId="2"/>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
  <sheetViews>
    <sheetView workbookViewId="0">
      <selection activeCell="P40" sqref="P40"/>
    </sheetView>
  </sheetViews>
  <sheetFormatPr defaultRowHeight="14.25"/>
  <sheetData/>
  <phoneticPr fontId="2"/>
  <pageMargins left="0.7" right="0.7" top="0.75" bottom="0.75" header="0.3" footer="0.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76"/>
  <sheetViews>
    <sheetView showZeros="0" view="pageBreakPreview" zoomScale="90" zoomScaleNormal="100" zoomScaleSheetLayoutView="90" workbookViewId="0">
      <selection activeCell="N42" sqref="N42"/>
    </sheetView>
  </sheetViews>
  <sheetFormatPr defaultColWidth="8.125" defaultRowHeight="20.100000000000001" customHeight="1" outlineLevelRow="1"/>
  <cols>
    <col min="1" max="1" width="0.75" style="437" customWidth="1"/>
    <col min="2" max="2" width="23.75" style="437" customWidth="1"/>
    <col min="3" max="3" width="14.625" style="437" customWidth="1"/>
    <col min="4" max="4" width="11.25" style="437" customWidth="1"/>
    <col min="5" max="7" width="11.75" style="437" customWidth="1"/>
    <col min="8" max="8" width="11.25" style="437" customWidth="1"/>
    <col min="9" max="9" width="11.75" style="437" customWidth="1"/>
    <col min="10" max="10" width="1.25" style="437" customWidth="1"/>
    <col min="11" max="16384" width="8.125" style="437"/>
  </cols>
  <sheetData>
    <row r="1" spans="2:9" ht="13.5">
      <c r="B1" s="437" t="s">
        <v>277</v>
      </c>
    </row>
    <row r="2" spans="2:9" ht="13.5"/>
    <row r="3" spans="2:9" ht="13.5">
      <c r="C3" s="1022" t="s">
        <v>29</v>
      </c>
      <c r="D3" s="1022"/>
      <c r="E3" s="1022"/>
      <c r="F3" s="1022"/>
      <c r="G3" s="1022"/>
    </row>
    <row r="4" spans="2:9" ht="13.5"/>
    <row r="5" spans="2:9" ht="17.25" customHeight="1">
      <c r="B5" s="438" t="s">
        <v>30</v>
      </c>
      <c r="C5" s="1023">
        <f>基礎情報!$D$9</f>
        <v>0</v>
      </c>
      <c r="D5" s="1023"/>
      <c r="E5" s="1023"/>
      <c r="F5" s="1023"/>
      <c r="G5" s="1023"/>
      <c r="H5" s="1023"/>
      <c r="I5" s="1023"/>
    </row>
    <row r="6" spans="2:9" ht="17.25" customHeight="1">
      <c r="B6" s="438" t="s">
        <v>31</v>
      </c>
      <c r="C6" s="1023">
        <f>基礎情報!$D$11</f>
        <v>0</v>
      </c>
      <c r="D6" s="1023"/>
      <c r="E6" s="1023"/>
      <c r="F6" s="1023"/>
      <c r="G6" s="1023"/>
      <c r="H6" s="1023"/>
      <c r="I6" s="1023"/>
    </row>
    <row r="7" spans="2:9" ht="19.149999999999999" customHeight="1">
      <c r="B7" s="438" t="s">
        <v>112</v>
      </c>
      <c r="C7" s="438"/>
      <c r="D7" s="438"/>
      <c r="E7" s="1034" t="s">
        <v>127</v>
      </c>
      <c r="F7" s="1035"/>
      <c r="G7" s="1035"/>
      <c r="H7" s="1035"/>
      <c r="I7" s="1035"/>
    </row>
    <row r="8" spans="2:9" ht="17.25" customHeight="1">
      <c r="B8" s="439" t="s">
        <v>32</v>
      </c>
      <c r="C8" s="439"/>
      <c r="D8" s="439"/>
      <c r="E8" s="439"/>
      <c r="F8" s="439"/>
      <c r="G8" s="439"/>
      <c r="H8" s="439"/>
      <c r="I8" s="439"/>
    </row>
    <row r="9" spans="2:9" ht="7.5" customHeight="1" thickBot="1"/>
    <row r="10" spans="2:9" ht="13.5">
      <c r="B10" s="440" t="s">
        <v>33</v>
      </c>
      <c r="C10" s="441" t="s">
        <v>34</v>
      </c>
      <c r="D10" s="441" t="s">
        <v>35</v>
      </c>
      <c r="E10" s="441" t="s">
        <v>36</v>
      </c>
      <c r="F10" s="442" t="s">
        <v>37</v>
      </c>
      <c r="G10" s="442" t="s">
        <v>38</v>
      </c>
      <c r="H10" s="441" t="s">
        <v>39</v>
      </c>
      <c r="I10" s="443" t="s">
        <v>40</v>
      </c>
    </row>
    <row r="11" spans="2:9" ht="13.5">
      <c r="B11" s="444" t="s">
        <v>41</v>
      </c>
      <c r="C11" s="445"/>
      <c r="D11" s="445"/>
      <c r="E11" s="445"/>
      <c r="F11" s="446" t="s">
        <v>42</v>
      </c>
      <c r="G11" s="447" t="s">
        <v>42</v>
      </c>
      <c r="H11" s="445"/>
      <c r="I11" s="448"/>
    </row>
    <row r="12" spans="2:9" ht="24.6" customHeight="1">
      <c r="B12" s="449" t="s">
        <v>120</v>
      </c>
      <c r="C12" s="450">
        <f>'確認書（陰圧）'!B47</f>
        <v>0</v>
      </c>
      <c r="D12" s="450">
        <f>'確認書（陰圧）'!C47</f>
        <v>0</v>
      </c>
      <c r="E12" s="451">
        <f>'確認書（陰圧）'!E47</f>
        <v>0</v>
      </c>
      <c r="F12" s="451">
        <f>'確認書（陰圧）'!F47</f>
        <v>0</v>
      </c>
      <c r="G12" s="452">
        <f>E12*F12</f>
        <v>0</v>
      </c>
      <c r="H12" s="450">
        <f>'確認書（陰圧）'!H47</f>
        <v>0</v>
      </c>
      <c r="I12" s="453"/>
    </row>
    <row r="13" spans="2:9" ht="24.6" customHeight="1">
      <c r="B13" s="449"/>
      <c r="C13" s="454">
        <f>'確認書（陰圧）'!B48</f>
        <v>0</v>
      </c>
      <c r="D13" s="454">
        <f>'確認書（陰圧）'!C48</f>
        <v>0</v>
      </c>
      <c r="E13" s="455">
        <f>'確認書（陰圧）'!E48</f>
        <v>0</v>
      </c>
      <c r="F13" s="455">
        <f>'確認書（陰圧）'!F48</f>
        <v>0</v>
      </c>
      <c r="G13" s="456">
        <f t="shared" ref="G13:G22" si="0">E13*F13</f>
        <v>0</v>
      </c>
      <c r="H13" s="450">
        <f>'確認書（陰圧）'!H48</f>
        <v>0</v>
      </c>
      <c r="I13" s="453"/>
    </row>
    <row r="14" spans="2:9" ht="24.6" customHeight="1">
      <c r="B14" s="449"/>
      <c r="C14" s="454">
        <f>'確認書（陰圧）'!B49</f>
        <v>0</v>
      </c>
      <c r="D14" s="454">
        <f>'確認書（陰圧）'!C49</f>
        <v>0</v>
      </c>
      <c r="E14" s="455">
        <f>'確認書（陰圧）'!E49</f>
        <v>0</v>
      </c>
      <c r="F14" s="455">
        <f>'確認書（陰圧）'!F49</f>
        <v>0</v>
      </c>
      <c r="G14" s="456">
        <f t="shared" ref="G14:G21" si="1">E14*F14</f>
        <v>0</v>
      </c>
      <c r="H14" s="450">
        <f>'確認書（陰圧）'!H49</f>
        <v>0</v>
      </c>
      <c r="I14" s="453"/>
    </row>
    <row r="15" spans="2:9" ht="24.6" customHeight="1">
      <c r="B15" s="449"/>
      <c r="C15" s="454">
        <f>'確認書（陰圧）'!B50</f>
        <v>0</v>
      </c>
      <c r="D15" s="454">
        <f>'確認書（陰圧）'!C50</f>
        <v>0</v>
      </c>
      <c r="E15" s="455">
        <f>'確認書（陰圧）'!E50</f>
        <v>0</v>
      </c>
      <c r="F15" s="455">
        <f>'確認書（陰圧）'!F50</f>
        <v>0</v>
      </c>
      <c r="G15" s="456">
        <f t="shared" si="1"/>
        <v>0</v>
      </c>
      <c r="H15" s="450">
        <f>'確認書（陰圧）'!H50</f>
        <v>0</v>
      </c>
      <c r="I15" s="453"/>
    </row>
    <row r="16" spans="2:9" ht="24.6" customHeight="1">
      <c r="B16" s="449"/>
      <c r="C16" s="454">
        <f>'確認書（陰圧）'!B51</f>
        <v>0</v>
      </c>
      <c r="D16" s="454">
        <f>'確認書（陰圧）'!C51</f>
        <v>0</v>
      </c>
      <c r="E16" s="455">
        <f>'確認書（陰圧）'!E51</f>
        <v>0</v>
      </c>
      <c r="F16" s="455">
        <f>'確認書（陰圧）'!F51</f>
        <v>0</v>
      </c>
      <c r="G16" s="456">
        <f t="shared" si="1"/>
        <v>0</v>
      </c>
      <c r="H16" s="450">
        <f>'確認書（陰圧）'!H51</f>
        <v>0</v>
      </c>
      <c r="I16" s="453"/>
    </row>
    <row r="17" spans="2:9" ht="24.6" hidden="1" customHeight="1" outlineLevel="1">
      <c r="B17" s="449"/>
      <c r="C17" s="454">
        <f>'確認書（陰圧）'!B52</f>
        <v>0</v>
      </c>
      <c r="D17" s="454">
        <f>'確認書（陰圧）'!C52</f>
        <v>0</v>
      </c>
      <c r="E17" s="455">
        <f>'確認書（陰圧）'!E52</f>
        <v>0</v>
      </c>
      <c r="F17" s="455">
        <f>'確認書（陰圧）'!F52</f>
        <v>0</v>
      </c>
      <c r="G17" s="456">
        <f t="shared" si="1"/>
        <v>0</v>
      </c>
      <c r="H17" s="450">
        <f>'確認書（陰圧）'!H52</f>
        <v>0</v>
      </c>
      <c r="I17" s="453"/>
    </row>
    <row r="18" spans="2:9" ht="24.6" hidden="1" customHeight="1" outlineLevel="1">
      <c r="B18" s="449"/>
      <c r="C18" s="454">
        <f>'確認書（陰圧）'!B53</f>
        <v>0</v>
      </c>
      <c r="D18" s="454">
        <f>'確認書（陰圧）'!C53</f>
        <v>0</v>
      </c>
      <c r="E18" s="455">
        <f>'確認書（陰圧）'!E53</f>
        <v>0</v>
      </c>
      <c r="F18" s="455">
        <f>'確認書（陰圧）'!F53</f>
        <v>0</v>
      </c>
      <c r="G18" s="456">
        <f t="shared" si="1"/>
        <v>0</v>
      </c>
      <c r="H18" s="450">
        <f>'確認書（陰圧）'!H53</f>
        <v>0</v>
      </c>
      <c r="I18" s="453"/>
    </row>
    <row r="19" spans="2:9" ht="24.6" hidden="1" customHeight="1" outlineLevel="1">
      <c r="B19" s="449"/>
      <c r="C19" s="454">
        <f>'確認書（陰圧）'!B54</f>
        <v>0</v>
      </c>
      <c r="D19" s="454">
        <f>'確認書（陰圧）'!C54</f>
        <v>0</v>
      </c>
      <c r="E19" s="455">
        <f>'確認書（陰圧）'!E54</f>
        <v>0</v>
      </c>
      <c r="F19" s="455">
        <f>'確認書（陰圧）'!F54</f>
        <v>0</v>
      </c>
      <c r="G19" s="456">
        <f t="shared" si="1"/>
        <v>0</v>
      </c>
      <c r="H19" s="450">
        <f>'確認書（陰圧）'!H54</f>
        <v>0</v>
      </c>
      <c r="I19" s="453"/>
    </row>
    <row r="20" spans="2:9" ht="24.6" hidden="1" customHeight="1" outlineLevel="1">
      <c r="B20" s="449"/>
      <c r="C20" s="454">
        <f>'確認書（陰圧）'!B55</f>
        <v>0</v>
      </c>
      <c r="D20" s="454">
        <f>'確認書（陰圧）'!C55</f>
        <v>0</v>
      </c>
      <c r="E20" s="455">
        <f>'確認書（陰圧）'!E55</f>
        <v>0</v>
      </c>
      <c r="F20" s="455">
        <f>'確認書（陰圧）'!F55</f>
        <v>0</v>
      </c>
      <c r="G20" s="456">
        <f t="shared" si="1"/>
        <v>0</v>
      </c>
      <c r="H20" s="450">
        <f>'確認書（陰圧）'!H55</f>
        <v>0</v>
      </c>
      <c r="I20" s="453"/>
    </row>
    <row r="21" spans="2:9" ht="24.6" hidden="1" customHeight="1" outlineLevel="1">
      <c r="B21" s="449"/>
      <c r="C21" s="454">
        <f>'確認書（陰圧）'!B56</f>
        <v>0</v>
      </c>
      <c r="D21" s="454">
        <f>'確認書（陰圧）'!C56</f>
        <v>0</v>
      </c>
      <c r="E21" s="455">
        <f>'確認書（陰圧）'!E56</f>
        <v>0</v>
      </c>
      <c r="F21" s="455">
        <f>'確認書（陰圧）'!F56</f>
        <v>0</v>
      </c>
      <c r="G21" s="456">
        <f t="shared" si="1"/>
        <v>0</v>
      </c>
      <c r="H21" s="450">
        <f>'確認書（陰圧）'!H56</f>
        <v>0</v>
      </c>
      <c r="I21" s="453"/>
    </row>
    <row r="22" spans="2:9" ht="24.6" customHeight="1" collapsed="1">
      <c r="B22" s="449"/>
      <c r="C22" s="454">
        <f>'確認書（陰圧）'!B101</f>
        <v>0</v>
      </c>
      <c r="D22" s="454">
        <f>'確認書（陰圧）'!C101</f>
        <v>0</v>
      </c>
      <c r="E22" s="455">
        <f>'確認書（陰圧）'!E101</f>
        <v>0</v>
      </c>
      <c r="F22" s="455">
        <f>'確認書（陰圧）'!F101</f>
        <v>0</v>
      </c>
      <c r="G22" s="456">
        <f t="shared" si="0"/>
        <v>0</v>
      </c>
      <c r="H22" s="454">
        <f>'確認書（陰圧）'!H101</f>
        <v>0</v>
      </c>
      <c r="I22" s="453"/>
    </row>
    <row r="23" spans="2:9" ht="24.6" customHeight="1">
      <c r="B23" s="449"/>
      <c r="C23" s="454">
        <f>'確認書（陰圧）'!B102</f>
        <v>0</v>
      </c>
      <c r="D23" s="454">
        <f>'確認書（陰圧）'!C102</f>
        <v>0</v>
      </c>
      <c r="E23" s="455">
        <f>'確認書（陰圧）'!E102</f>
        <v>0</v>
      </c>
      <c r="F23" s="455">
        <f>'確認書（陰圧）'!F102</f>
        <v>0</v>
      </c>
      <c r="G23" s="456">
        <f t="shared" ref="G23:G31" si="2">E23*F23</f>
        <v>0</v>
      </c>
      <c r="H23" s="454">
        <f>'確認書（陰圧）'!H102</f>
        <v>0</v>
      </c>
      <c r="I23" s="453"/>
    </row>
    <row r="24" spans="2:9" ht="24.6" customHeight="1">
      <c r="B24" s="449"/>
      <c r="C24" s="454">
        <f>'確認書（陰圧）'!B103</f>
        <v>0</v>
      </c>
      <c r="D24" s="454">
        <f>'確認書（陰圧）'!C103</f>
        <v>0</v>
      </c>
      <c r="E24" s="455">
        <f>'確認書（陰圧）'!E103</f>
        <v>0</v>
      </c>
      <c r="F24" s="455">
        <f>'確認書（陰圧）'!F103</f>
        <v>0</v>
      </c>
      <c r="G24" s="456">
        <f t="shared" si="2"/>
        <v>0</v>
      </c>
      <c r="H24" s="454">
        <f>'確認書（陰圧）'!H103</f>
        <v>0</v>
      </c>
      <c r="I24" s="453"/>
    </row>
    <row r="25" spans="2:9" ht="24.6" customHeight="1">
      <c r="B25" s="449"/>
      <c r="C25" s="454">
        <f>'確認書（陰圧）'!B104</f>
        <v>0</v>
      </c>
      <c r="D25" s="454">
        <f>'確認書（陰圧）'!C104</f>
        <v>0</v>
      </c>
      <c r="E25" s="455">
        <f>'確認書（陰圧）'!E104</f>
        <v>0</v>
      </c>
      <c r="F25" s="455">
        <f>'確認書（陰圧）'!F104</f>
        <v>0</v>
      </c>
      <c r="G25" s="456">
        <f t="shared" si="2"/>
        <v>0</v>
      </c>
      <c r="H25" s="454">
        <f>'確認書（陰圧）'!H104</f>
        <v>0</v>
      </c>
      <c r="I25" s="453"/>
    </row>
    <row r="26" spans="2:9" ht="24.6" customHeight="1">
      <c r="B26" s="449"/>
      <c r="C26" s="454">
        <f>'確認書（陰圧）'!B105</f>
        <v>0</v>
      </c>
      <c r="D26" s="454">
        <f>'確認書（陰圧）'!C105</f>
        <v>0</v>
      </c>
      <c r="E26" s="455">
        <f>'確認書（陰圧）'!E105</f>
        <v>0</v>
      </c>
      <c r="F26" s="455">
        <f>'確認書（陰圧）'!F105</f>
        <v>0</v>
      </c>
      <c r="G26" s="456">
        <f t="shared" si="2"/>
        <v>0</v>
      </c>
      <c r="H26" s="454">
        <f>'確認書（陰圧）'!H105</f>
        <v>0</v>
      </c>
      <c r="I26" s="453"/>
    </row>
    <row r="27" spans="2:9" ht="24.6" hidden="1" customHeight="1" outlineLevel="1">
      <c r="B27" s="449"/>
      <c r="C27" s="457">
        <f>'確認書（陰圧）'!B106</f>
        <v>0</v>
      </c>
      <c r="D27" s="457">
        <f>'確認書（陰圧）'!C106</f>
        <v>0</v>
      </c>
      <c r="E27" s="455">
        <f>'確認書（陰圧）'!E106</f>
        <v>0</v>
      </c>
      <c r="F27" s="455">
        <f>'確認書（陰圧）'!F106</f>
        <v>0</v>
      </c>
      <c r="G27" s="456">
        <f t="shared" si="2"/>
        <v>0</v>
      </c>
      <c r="H27" s="454">
        <f>'確認書（陰圧）'!H106</f>
        <v>0</v>
      </c>
      <c r="I27" s="453"/>
    </row>
    <row r="28" spans="2:9" ht="24.6" hidden="1" customHeight="1" outlineLevel="1">
      <c r="B28" s="449"/>
      <c r="C28" s="457">
        <f>'確認書（陰圧）'!B107</f>
        <v>0</v>
      </c>
      <c r="D28" s="457">
        <f>'確認書（陰圧）'!C107</f>
        <v>0</v>
      </c>
      <c r="E28" s="455">
        <f>'確認書（陰圧）'!E107</f>
        <v>0</v>
      </c>
      <c r="F28" s="455">
        <f>'確認書（陰圧）'!F107</f>
        <v>0</v>
      </c>
      <c r="G28" s="456">
        <f t="shared" si="2"/>
        <v>0</v>
      </c>
      <c r="H28" s="454">
        <f>'確認書（陰圧）'!H107</f>
        <v>0</v>
      </c>
      <c r="I28" s="453"/>
    </row>
    <row r="29" spans="2:9" ht="24.6" hidden="1" customHeight="1" outlineLevel="1">
      <c r="B29" s="449"/>
      <c r="C29" s="457">
        <f>'確認書（陰圧）'!B108</f>
        <v>0</v>
      </c>
      <c r="D29" s="457">
        <f>'確認書（陰圧）'!C108</f>
        <v>0</v>
      </c>
      <c r="E29" s="455">
        <f>'確認書（陰圧）'!E108</f>
        <v>0</v>
      </c>
      <c r="F29" s="455">
        <f>'確認書（陰圧）'!F108</f>
        <v>0</v>
      </c>
      <c r="G29" s="456">
        <f t="shared" si="2"/>
        <v>0</v>
      </c>
      <c r="H29" s="454">
        <f>'確認書（陰圧）'!H108</f>
        <v>0</v>
      </c>
      <c r="I29" s="453"/>
    </row>
    <row r="30" spans="2:9" ht="24.6" hidden="1" customHeight="1" outlineLevel="1">
      <c r="B30" s="449"/>
      <c r="C30" s="457">
        <f>'確認書（陰圧）'!B109</f>
        <v>0</v>
      </c>
      <c r="D30" s="457">
        <f>'確認書（陰圧）'!C109</f>
        <v>0</v>
      </c>
      <c r="E30" s="455">
        <f>'確認書（陰圧）'!E109</f>
        <v>0</v>
      </c>
      <c r="F30" s="455">
        <f>'確認書（陰圧）'!F109</f>
        <v>0</v>
      </c>
      <c r="G30" s="456">
        <f t="shared" si="2"/>
        <v>0</v>
      </c>
      <c r="H30" s="454">
        <f>'確認書（陰圧）'!H109</f>
        <v>0</v>
      </c>
      <c r="I30" s="453"/>
    </row>
    <row r="31" spans="2:9" ht="24.6" hidden="1" customHeight="1" outlineLevel="1">
      <c r="B31" s="449"/>
      <c r="C31" s="457">
        <f>'確認書（陰圧）'!B110</f>
        <v>0</v>
      </c>
      <c r="D31" s="457">
        <f>'確認書（陰圧）'!C110</f>
        <v>0</v>
      </c>
      <c r="E31" s="455">
        <f>'確認書（陰圧）'!E110</f>
        <v>0</v>
      </c>
      <c r="F31" s="455">
        <f>'確認書（陰圧）'!F110</f>
        <v>0</v>
      </c>
      <c r="G31" s="458">
        <f t="shared" si="2"/>
        <v>0</v>
      </c>
      <c r="H31" s="454">
        <f>'確認書（陰圧）'!H110</f>
        <v>0</v>
      </c>
      <c r="I31" s="453"/>
    </row>
    <row r="32" spans="2:9" ht="13.5" collapsed="1">
      <c r="B32" s="1024" t="s">
        <v>43</v>
      </c>
      <c r="C32" s="1026" t="s">
        <v>44</v>
      </c>
      <c r="D32" s="1026" t="s">
        <v>44</v>
      </c>
      <c r="E32" s="1026" t="s">
        <v>44</v>
      </c>
      <c r="F32" s="1028" t="s">
        <v>44</v>
      </c>
      <c r="G32" s="1030">
        <f>SUM(G12:G31)</f>
        <v>0</v>
      </c>
      <c r="H32" s="1026" t="s">
        <v>44</v>
      </c>
      <c r="I32" s="1032" t="s">
        <v>44</v>
      </c>
    </row>
    <row r="33" spans="1:9" ht="13.5">
      <c r="B33" s="1025"/>
      <c r="C33" s="1027"/>
      <c r="D33" s="1027"/>
      <c r="E33" s="1027"/>
      <c r="F33" s="1029"/>
      <c r="G33" s="1031"/>
      <c r="H33" s="1027"/>
      <c r="I33" s="1033"/>
    </row>
    <row r="34" spans="1:9" ht="13.5">
      <c r="B34" s="444" t="s">
        <v>45</v>
      </c>
      <c r="C34" s="445"/>
      <c r="D34" s="445"/>
      <c r="E34" s="445"/>
      <c r="F34" s="459" t="s">
        <v>42</v>
      </c>
      <c r="G34" s="460" t="s">
        <v>11</v>
      </c>
      <c r="H34" s="445"/>
      <c r="I34" s="448"/>
    </row>
    <row r="35" spans="1:9" ht="27.6" customHeight="1">
      <c r="B35" s="449" t="s">
        <v>120</v>
      </c>
      <c r="C35" s="286"/>
      <c r="D35" s="284"/>
      <c r="E35" s="287"/>
      <c r="F35" s="287"/>
      <c r="G35" s="461">
        <f>F35*E35</f>
        <v>0</v>
      </c>
      <c r="H35" s="287"/>
      <c r="I35" s="453"/>
    </row>
    <row r="36" spans="1:9" ht="27.6" customHeight="1">
      <c r="B36" s="449"/>
      <c r="C36" s="288"/>
      <c r="D36" s="285"/>
      <c r="E36" s="289"/>
      <c r="F36" s="289"/>
      <c r="G36" s="462">
        <f>F36*E36</f>
        <v>0</v>
      </c>
      <c r="H36" s="289"/>
      <c r="I36" s="453"/>
    </row>
    <row r="37" spans="1:9" ht="27.6" customHeight="1">
      <c r="B37" s="449"/>
      <c r="C37" s="288"/>
      <c r="D37" s="285"/>
      <c r="E37" s="289"/>
      <c r="F37" s="289"/>
      <c r="G37" s="462">
        <f t="shared" ref="G37:G39" si="3">F37*E37</f>
        <v>0</v>
      </c>
      <c r="H37" s="289"/>
      <c r="I37" s="453"/>
    </row>
    <row r="38" spans="1:9" ht="27.6" customHeight="1">
      <c r="B38" s="449"/>
      <c r="C38" s="288"/>
      <c r="D38" s="285"/>
      <c r="E38" s="289"/>
      <c r="F38" s="289"/>
      <c r="G38" s="462">
        <f t="shared" si="3"/>
        <v>0</v>
      </c>
      <c r="H38" s="289"/>
      <c r="I38" s="453"/>
    </row>
    <row r="39" spans="1:9" ht="27.6" customHeight="1">
      <c r="B39" s="449"/>
      <c r="C39" s="288"/>
      <c r="D39" s="285"/>
      <c r="E39" s="289"/>
      <c r="F39" s="289"/>
      <c r="G39" s="462">
        <f t="shared" si="3"/>
        <v>0</v>
      </c>
      <c r="H39" s="289"/>
      <c r="I39" s="453"/>
    </row>
    <row r="40" spans="1:9" ht="27.6" hidden="1" customHeight="1" outlineLevel="1">
      <c r="B40" s="449"/>
      <c r="C40" s="288"/>
      <c r="D40" s="285"/>
      <c r="E40" s="289"/>
      <c r="F40" s="289"/>
      <c r="G40" s="462">
        <f t="shared" ref="G40:G44" si="4">F40*E40</f>
        <v>0</v>
      </c>
      <c r="H40" s="289"/>
      <c r="I40" s="453"/>
    </row>
    <row r="41" spans="1:9" ht="27.6" hidden="1" customHeight="1" outlineLevel="1">
      <c r="B41" s="449"/>
      <c r="C41" s="288"/>
      <c r="D41" s="285"/>
      <c r="E41" s="289"/>
      <c r="F41" s="289"/>
      <c r="G41" s="462">
        <f t="shared" si="4"/>
        <v>0</v>
      </c>
      <c r="H41" s="289"/>
      <c r="I41" s="453"/>
    </row>
    <row r="42" spans="1:9" ht="27.6" hidden="1" customHeight="1" outlineLevel="1">
      <c r="B42" s="449"/>
      <c r="C42" s="288"/>
      <c r="D42" s="285"/>
      <c r="E42" s="289"/>
      <c r="F42" s="289"/>
      <c r="G42" s="462">
        <f t="shared" si="4"/>
        <v>0</v>
      </c>
      <c r="H42" s="289"/>
      <c r="I42" s="453"/>
    </row>
    <row r="43" spans="1:9" ht="27.6" hidden="1" customHeight="1" outlineLevel="1">
      <c r="B43" s="449"/>
      <c r="C43" s="288"/>
      <c r="D43" s="285"/>
      <c r="E43" s="289"/>
      <c r="F43" s="289"/>
      <c r="G43" s="462">
        <f t="shared" si="4"/>
        <v>0</v>
      </c>
      <c r="H43" s="289"/>
      <c r="I43" s="453"/>
    </row>
    <row r="44" spans="1:9" ht="27.6" hidden="1" customHeight="1" outlineLevel="1">
      <c r="B44" s="449"/>
      <c r="C44" s="288"/>
      <c r="D44" s="285"/>
      <c r="E44" s="289"/>
      <c r="F44" s="289"/>
      <c r="G44" s="463">
        <f t="shared" si="4"/>
        <v>0</v>
      </c>
      <c r="H44" s="466"/>
      <c r="I44" s="453"/>
    </row>
    <row r="45" spans="1:9" ht="13.5" collapsed="1">
      <c r="A45" s="464"/>
      <c r="B45" s="1024" t="s">
        <v>43</v>
      </c>
      <c r="C45" s="1026" t="s">
        <v>44</v>
      </c>
      <c r="D45" s="1026" t="s">
        <v>44</v>
      </c>
      <c r="E45" s="1026" t="s">
        <v>44</v>
      </c>
      <c r="F45" s="1028" t="s">
        <v>44</v>
      </c>
      <c r="G45" s="1036">
        <f>SUM(G35:G44)</f>
        <v>0</v>
      </c>
      <c r="H45" s="1026" t="s">
        <v>44</v>
      </c>
      <c r="I45" s="1032" t="s">
        <v>44</v>
      </c>
    </row>
    <row r="46" spans="1:9" ht="13.5">
      <c r="A46" s="464"/>
      <c r="B46" s="1025"/>
      <c r="C46" s="1027"/>
      <c r="D46" s="1027"/>
      <c r="E46" s="1027"/>
      <c r="F46" s="1029"/>
      <c r="G46" s="1037"/>
      <c r="H46" s="1027"/>
      <c r="I46" s="1033"/>
    </row>
    <row r="47" spans="1:9" ht="13.5">
      <c r="B47" s="1041" t="s">
        <v>0</v>
      </c>
      <c r="C47" s="1026" t="s">
        <v>44</v>
      </c>
      <c r="D47" s="1026" t="s">
        <v>44</v>
      </c>
      <c r="E47" s="1026" t="s">
        <v>44</v>
      </c>
      <c r="F47" s="1028" t="s">
        <v>44</v>
      </c>
      <c r="G47" s="1036">
        <f>SUM(G32,G45)</f>
        <v>0</v>
      </c>
      <c r="H47" s="1026" t="s">
        <v>44</v>
      </c>
      <c r="I47" s="1032" t="s">
        <v>44</v>
      </c>
    </row>
    <row r="48" spans="1:9" ht="14.25" thickBot="1">
      <c r="B48" s="1042"/>
      <c r="C48" s="1038"/>
      <c r="D48" s="1038"/>
      <c r="E48" s="1038"/>
      <c r="F48" s="1043"/>
      <c r="G48" s="1040"/>
      <c r="H48" s="1038"/>
      <c r="I48" s="1039"/>
    </row>
    <row r="49" spans="2:2" ht="7.5" customHeight="1">
      <c r="B49" s="465"/>
    </row>
    <row r="50" spans="2:2" ht="13.5"/>
    <row r="51" spans="2:2" ht="13.5"/>
    <row r="52" spans="2:2" ht="13.5"/>
    <row r="53" spans="2:2" ht="13.5"/>
    <row r="54" spans="2:2" ht="13.5"/>
    <row r="55" spans="2:2" ht="13.5"/>
    <row r="56" spans="2:2" ht="13.5"/>
    <row r="57" spans="2:2" ht="13.5"/>
    <row r="58" spans="2:2" ht="15" customHeight="1"/>
    <row r="59" spans="2:2" ht="13.5"/>
    <row r="60" spans="2:2" ht="13.5"/>
    <row r="61" spans="2:2" ht="13.5"/>
    <row r="62" spans="2:2" ht="13.5"/>
    <row r="63" spans="2:2" ht="13.5"/>
    <row r="64" spans="2:2" ht="13.5"/>
    <row r="65" ht="13.5"/>
    <row r="66" ht="13.5"/>
    <row r="67" ht="13.5"/>
    <row r="68" ht="13.5"/>
    <row r="69" ht="13.5"/>
    <row r="70" ht="13.5"/>
    <row r="71" ht="13.5"/>
    <row r="72" ht="13.5"/>
    <row r="73" ht="13.5"/>
    <row r="74" ht="13.5"/>
    <row r="75" ht="13.5"/>
    <row r="76" ht="13.5"/>
  </sheetData>
  <sheetProtection sheet="1" objects="1" scenarios="1"/>
  <customSheetViews>
    <customSheetView guid="{75F8A93C-F5BA-4FE5-85C6-88804E4D71E6}" scale="75" showPageBreaks="1" fitToPage="1" printArea="1" view="pageBreakPreview">
      <selection activeCell="C3" sqref="C3:G3"/>
      <pageMargins left="0.59055118110236227" right="0.59055118110236227" top="0.59055118110236227" bottom="0.59055118110236227" header="0.39370078740157483" footer="0.39370078740157483"/>
      <printOptions horizontalCentered="1"/>
      <pageSetup paperSize="9" scale="87" orientation="landscape" blackAndWhite="1" r:id="rId1"/>
      <headerFooter alignWithMargins="0"/>
    </customSheetView>
  </customSheetViews>
  <mergeCells count="28">
    <mergeCell ref="B47:B48"/>
    <mergeCell ref="C47:C48"/>
    <mergeCell ref="D47:D48"/>
    <mergeCell ref="E47:E48"/>
    <mergeCell ref="F47:F48"/>
    <mergeCell ref="G45:G46"/>
    <mergeCell ref="H45:H46"/>
    <mergeCell ref="I45:I46"/>
    <mergeCell ref="H47:H48"/>
    <mergeCell ref="I47:I48"/>
    <mergeCell ref="G47:G48"/>
    <mergeCell ref="B45:B46"/>
    <mergeCell ref="C45:C46"/>
    <mergeCell ref="D45:D46"/>
    <mergeCell ref="E45:E46"/>
    <mergeCell ref="F45:F46"/>
    <mergeCell ref="C3:G3"/>
    <mergeCell ref="C5:I5"/>
    <mergeCell ref="C6:I6"/>
    <mergeCell ref="B32:B33"/>
    <mergeCell ref="C32:C33"/>
    <mergeCell ref="D32:D33"/>
    <mergeCell ref="E32:E33"/>
    <mergeCell ref="F32:F33"/>
    <mergeCell ref="G32:G33"/>
    <mergeCell ref="H32:H33"/>
    <mergeCell ref="I32:I33"/>
    <mergeCell ref="E7:I7"/>
  </mergeCells>
  <phoneticPr fontId="2"/>
  <printOptions horizontalCentered="1"/>
  <pageMargins left="0.59055118110236227" right="0.59055118110236227" top="0.59055118110236227" bottom="0.59055118110236227" header="0.39370078740157483" footer="0.39370078740157483"/>
  <pageSetup paperSize="9" scale="78" orientation="portrait" blackAndWhite="1" r:id="rId2"/>
  <headerFooter alignWithMargins="0"/>
  <drawing r:id="rId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76"/>
  <sheetViews>
    <sheetView showZeros="0" view="pageBreakPreview" zoomScale="75" zoomScaleNormal="100" zoomScaleSheetLayoutView="75" workbookViewId="0">
      <selection activeCell="N34" sqref="N34"/>
    </sheetView>
  </sheetViews>
  <sheetFormatPr defaultColWidth="8.125" defaultRowHeight="20.100000000000001" customHeight="1" outlineLevelRow="1"/>
  <cols>
    <col min="1" max="1" width="0.75" style="437" customWidth="1"/>
    <col min="2" max="2" width="23.75" style="437" customWidth="1"/>
    <col min="3" max="3" width="14.625" style="437" customWidth="1"/>
    <col min="4" max="4" width="11.25" style="437" customWidth="1"/>
    <col min="5" max="7" width="11.75" style="437" customWidth="1"/>
    <col min="8" max="8" width="15.75" style="437" customWidth="1"/>
    <col min="9" max="9" width="11.75" style="437" customWidth="1"/>
    <col min="10" max="10" width="1.25" style="437" customWidth="1"/>
    <col min="11" max="16384" width="8.125" style="437"/>
  </cols>
  <sheetData>
    <row r="1" spans="2:9" ht="13.5">
      <c r="B1" s="437" t="s">
        <v>277</v>
      </c>
    </row>
    <row r="2" spans="2:9" ht="13.5"/>
    <row r="3" spans="2:9" ht="13.5">
      <c r="C3" s="1022" t="s">
        <v>29</v>
      </c>
      <c r="D3" s="1022"/>
      <c r="E3" s="1022"/>
      <c r="F3" s="1022"/>
      <c r="G3" s="1022"/>
    </row>
    <row r="4" spans="2:9" ht="13.5"/>
    <row r="5" spans="2:9" ht="17.25" customHeight="1">
      <c r="B5" s="438" t="s">
        <v>30</v>
      </c>
      <c r="C5" s="1023">
        <f>基礎情報!$D$9</f>
        <v>0</v>
      </c>
      <c r="D5" s="1023"/>
      <c r="E5" s="1023"/>
      <c r="F5" s="1023"/>
      <c r="G5" s="1023"/>
      <c r="H5" s="1023"/>
      <c r="I5" s="1023"/>
    </row>
    <row r="6" spans="2:9" ht="17.25" customHeight="1">
      <c r="B6" s="438" t="s">
        <v>31</v>
      </c>
      <c r="C6" s="1023">
        <f>基礎情報!$D$11</f>
        <v>0</v>
      </c>
      <c r="D6" s="1023"/>
      <c r="E6" s="1023"/>
      <c r="F6" s="1023"/>
      <c r="G6" s="1023"/>
      <c r="H6" s="1023"/>
      <c r="I6" s="1023"/>
    </row>
    <row r="7" spans="2:9" ht="17.25" customHeight="1">
      <c r="B7" s="438" t="s">
        <v>112</v>
      </c>
      <c r="C7" s="438"/>
      <c r="D7" s="438"/>
      <c r="E7" s="1034" t="s">
        <v>127</v>
      </c>
      <c r="F7" s="1035"/>
      <c r="G7" s="1035"/>
      <c r="H7" s="1035"/>
      <c r="I7" s="1035"/>
    </row>
    <row r="8" spans="2:9" ht="17.25" customHeight="1">
      <c r="B8" s="439" t="s">
        <v>32</v>
      </c>
      <c r="C8" s="439"/>
      <c r="D8" s="439"/>
      <c r="E8" s="439"/>
      <c r="F8" s="439"/>
      <c r="G8" s="439"/>
      <c r="H8" s="439"/>
      <c r="I8" s="439"/>
    </row>
    <row r="9" spans="2:9" ht="7.5" customHeight="1" thickBot="1"/>
    <row r="10" spans="2:9" ht="13.5">
      <c r="B10" s="440" t="s">
        <v>33</v>
      </c>
      <c r="C10" s="441" t="s">
        <v>34</v>
      </c>
      <c r="D10" s="441" t="s">
        <v>35</v>
      </c>
      <c r="E10" s="441" t="s">
        <v>36</v>
      </c>
      <c r="F10" s="442" t="s">
        <v>37</v>
      </c>
      <c r="G10" s="442" t="s">
        <v>38</v>
      </c>
      <c r="H10" s="441" t="s">
        <v>39</v>
      </c>
      <c r="I10" s="443" t="s">
        <v>40</v>
      </c>
    </row>
    <row r="11" spans="2:9" ht="13.5">
      <c r="B11" s="444" t="s">
        <v>41</v>
      </c>
      <c r="C11" s="445"/>
      <c r="D11" s="445"/>
      <c r="E11" s="445"/>
      <c r="F11" s="446" t="s">
        <v>42</v>
      </c>
      <c r="G11" s="447" t="s">
        <v>42</v>
      </c>
      <c r="H11" s="445"/>
      <c r="I11" s="448"/>
    </row>
    <row r="12" spans="2:9" ht="36" customHeight="1">
      <c r="B12" s="467">
        <f>'確認書（検査機器）'!C47</f>
        <v>0</v>
      </c>
      <c r="C12" s="468">
        <f>'確認書（検査機器）'!C47</f>
        <v>0</v>
      </c>
      <c r="D12" s="450">
        <f>'確認書（検査機器）'!J47</f>
        <v>0</v>
      </c>
      <c r="E12" s="451">
        <f>'確認書（検査機器）'!Q47</f>
        <v>0</v>
      </c>
      <c r="F12" s="451">
        <f>'確認書（検査機器）'!X47</f>
        <v>0</v>
      </c>
      <c r="G12" s="452">
        <f>E12*F12</f>
        <v>0</v>
      </c>
      <c r="H12" s="468">
        <f>'確認書（検査機器）'!AE47</f>
        <v>0</v>
      </c>
      <c r="I12" s="453"/>
    </row>
    <row r="13" spans="2:9" ht="36" customHeight="1">
      <c r="B13" s="467">
        <f>'確認書（検査機器）'!C48</f>
        <v>0</v>
      </c>
      <c r="C13" s="469">
        <f>'確認書（検査機器）'!C48</f>
        <v>0</v>
      </c>
      <c r="D13" s="454">
        <f>'確認書（検査機器）'!J48</f>
        <v>0</v>
      </c>
      <c r="E13" s="455">
        <f>'確認書（検査機器）'!Q48</f>
        <v>0</v>
      </c>
      <c r="F13" s="455">
        <f>'確認書（検査機器）'!X48</f>
        <v>0</v>
      </c>
      <c r="G13" s="456">
        <f t="shared" ref="G13:G22" si="0">E13*F13</f>
        <v>0</v>
      </c>
      <c r="H13" s="468">
        <f>'確認書（検査機器）'!AE48</f>
        <v>0</v>
      </c>
      <c r="I13" s="453"/>
    </row>
    <row r="14" spans="2:9" ht="36" customHeight="1">
      <c r="B14" s="467">
        <f>'確認書（検査機器）'!C49</f>
        <v>0</v>
      </c>
      <c r="C14" s="469">
        <f>'確認書（検査機器）'!C49</f>
        <v>0</v>
      </c>
      <c r="D14" s="454">
        <f>'確認書（検査機器）'!J49</f>
        <v>0</v>
      </c>
      <c r="E14" s="455">
        <f>'確認書（検査機器）'!Q49</f>
        <v>0</v>
      </c>
      <c r="F14" s="455">
        <f>'確認書（検査機器）'!X49</f>
        <v>0</v>
      </c>
      <c r="G14" s="456">
        <f t="shared" ref="G14:G21" si="1">E14*F14</f>
        <v>0</v>
      </c>
      <c r="H14" s="468">
        <f>'確認書（検査機器）'!AE49</f>
        <v>0</v>
      </c>
      <c r="I14" s="453"/>
    </row>
    <row r="15" spans="2:9" ht="36" customHeight="1">
      <c r="B15" s="467">
        <f>'確認書（検査機器）'!C50</f>
        <v>0</v>
      </c>
      <c r="C15" s="469">
        <f>'確認書（検査機器）'!C50</f>
        <v>0</v>
      </c>
      <c r="D15" s="454">
        <f>'確認書（検査機器）'!J50</f>
        <v>0</v>
      </c>
      <c r="E15" s="455">
        <f>'確認書（検査機器）'!Q50</f>
        <v>0</v>
      </c>
      <c r="F15" s="455">
        <f>'確認書（検査機器）'!X50</f>
        <v>0</v>
      </c>
      <c r="G15" s="456">
        <f t="shared" si="1"/>
        <v>0</v>
      </c>
      <c r="H15" s="468">
        <f>'確認書（検査機器）'!AE50</f>
        <v>0</v>
      </c>
      <c r="I15" s="453"/>
    </row>
    <row r="16" spans="2:9" ht="36" customHeight="1">
      <c r="B16" s="467">
        <f>'確認書（検査機器）'!C51</f>
        <v>0</v>
      </c>
      <c r="C16" s="469">
        <f>'確認書（検査機器）'!C51</f>
        <v>0</v>
      </c>
      <c r="D16" s="454">
        <f>'確認書（検査機器）'!J51</f>
        <v>0</v>
      </c>
      <c r="E16" s="455">
        <f>'確認書（検査機器）'!Q51</f>
        <v>0</v>
      </c>
      <c r="F16" s="455">
        <f>'確認書（検査機器）'!X51</f>
        <v>0</v>
      </c>
      <c r="G16" s="456">
        <f t="shared" si="1"/>
        <v>0</v>
      </c>
      <c r="H16" s="468">
        <f>'確認書（検査機器）'!AE51</f>
        <v>0</v>
      </c>
      <c r="I16" s="453"/>
    </row>
    <row r="17" spans="2:9" ht="36" hidden="1" customHeight="1" outlineLevel="1">
      <c r="B17" s="467">
        <f>'確認書（検査機器）'!C52</f>
        <v>0</v>
      </c>
      <c r="C17" s="469">
        <f>'確認書（検査機器）'!C52</f>
        <v>0</v>
      </c>
      <c r="D17" s="454">
        <f>'確認書（検査機器）'!J52</f>
        <v>0</v>
      </c>
      <c r="E17" s="455">
        <f>'確認書（検査機器）'!Q52</f>
        <v>0</v>
      </c>
      <c r="F17" s="455">
        <f>'確認書（検査機器）'!X52</f>
        <v>0</v>
      </c>
      <c r="G17" s="456">
        <f>E17*F17</f>
        <v>0</v>
      </c>
      <c r="H17" s="468">
        <f>'確認書（検査機器）'!AE52</f>
        <v>0</v>
      </c>
      <c r="I17" s="453"/>
    </row>
    <row r="18" spans="2:9" ht="36" hidden="1" customHeight="1" outlineLevel="1">
      <c r="B18" s="467">
        <f>'確認書（検査機器）'!C53</f>
        <v>0</v>
      </c>
      <c r="C18" s="469">
        <f>'確認書（検査機器）'!C53</f>
        <v>0</v>
      </c>
      <c r="D18" s="454">
        <f>'確認書（検査機器）'!J53</f>
        <v>0</v>
      </c>
      <c r="E18" s="455">
        <f>'確認書（検査機器）'!Q53</f>
        <v>0</v>
      </c>
      <c r="F18" s="455">
        <f>'確認書（検査機器）'!X53</f>
        <v>0</v>
      </c>
      <c r="G18" s="456">
        <f t="shared" si="1"/>
        <v>0</v>
      </c>
      <c r="H18" s="468">
        <f>'確認書（検査機器）'!AE53</f>
        <v>0</v>
      </c>
      <c r="I18" s="453"/>
    </row>
    <row r="19" spans="2:9" ht="36" hidden="1" customHeight="1" outlineLevel="1">
      <c r="B19" s="467">
        <f>'確認書（検査機器）'!C54</f>
        <v>0</v>
      </c>
      <c r="C19" s="469">
        <f>'確認書（検査機器）'!C54</f>
        <v>0</v>
      </c>
      <c r="D19" s="454">
        <f>'確認書（検査機器）'!J54</f>
        <v>0</v>
      </c>
      <c r="E19" s="455">
        <f>'確認書（検査機器）'!Q54</f>
        <v>0</v>
      </c>
      <c r="F19" s="455">
        <f>'確認書（検査機器）'!X54</f>
        <v>0</v>
      </c>
      <c r="G19" s="456">
        <f t="shared" si="1"/>
        <v>0</v>
      </c>
      <c r="H19" s="468">
        <f>'確認書（検査機器）'!AE54</f>
        <v>0</v>
      </c>
      <c r="I19" s="453"/>
    </row>
    <row r="20" spans="2:9" ht="36" hidden="1" customHeight="1" outlineLevel="1">
      <c r="B20" s="467">
        <f>'確認書（検査機器）'!C55</f>
        <v>0</v>
      </c>
      <c r="C20" s="469">
        <f>'確認書（検査機器）'!C55</f>
        <v>0</v>
      </c>
      <c r="D20" s="454">
        <f>'確認書（検査機器）'!J55</f>
        <v>0</v>
      </c>
      <c r="E20" s="455">
        <f>'確認書（検査機器）'!Q55</f>
        <v>0</v>
      </c>
      <c r="F20" s="455">
        <f>'確認書（検査機器）'!X55</f>
        <v>0</v>
      </c>
      <c r="G20" s="456">
        <f t="shared" si="1"/>
        <v>0</v>
      </c>
      <c r="H20" s="468">
        <f>'確認書（検査機器）'!AE55</f>
        <v>0</v>
      </c>
      <c r="I20" s="453"/>
    </row>
    <row r="21" spans="2:9" ht="36" hidden="1" customHeight="1" outlineLevel="1">
      <c r="B21" s="467">
        <f>'確認書（検査機器）'!C56</f>
        <v>0</v>
      </c>
      <c r="C21" s="469">
        <f>'確認書（検査機器）'!C56</f>
        <v>0</v>
      </c>
      <c r="D21" s="454">
        <f>'確認書（検査機器）'!J56</f>
        <v>0</v>
      </c>
      <c r="E21" s="455">
        <f>'確認書（検査機器）'!Q56</f>
        <v>0</v>
      </c>
      <c r="F21" s="455">
        <f>'確認書（検査機器）'!X56</f>
        <v>0</v>
      </c>
      <c r="G21" s="456">
        <f t="shared" si="1"/>
        <v>0</v>
      </c>
      <c r="H21" s="468">
        <f>'確認書（検査機器）'!AE56</f>
        <v>0</v>
      </c>
      <c r="I21" s="453"/>
    </row>
    <row r="22" spans="2:9" ht="36" customHeight="1" collapsed="1">
      <c r="B22" s="449"/>
      <c r="C22" s="469">
        <f>'確認書（検査機器）'!H117</f>
        <v>0</v>
      </c>
      <c r="D22" s="454">
        <f>'確認書（検査機器）'!N117</f>
        <v>0</v>
      </c>
      <c r="E22" s="455">
        <f>'確認書（検査機器）'!S117</f>
        <v>0</v>
      </c>
      <c r="F22" s="455">
        <f>'確認書（検査機器）'!X117</f>
        <v>0</v>
      </c>
      <c r="G22" s="456">
        <f t="shared" si="0"/>
        <v>0</v>
      </c>
      <c r="H22" s="469">
        <f>'確認書（検査機器）'!AE117</f>
        <v>0</v>
      </c>
      <c r="I22" s="453"/>
    </row>
    <row r="23" spans="2:9" ht="36" customHeight="1">
      <c r="B23" s="449"/>
      <c r="C23" s="469">
        <f>'確認書（検査機器）'!H118</f>
        <v>0</v>
      </c>
      <c r="D23" s="454">
        <f>'確認書（検査機器）'!N118</f>
        <v>0</v>
      </c>
      <c r="E23" s="455">
        <f>'確認書（検査機器）'!S118</f>
        <v>0</v>
      </c>
      <c r="F23" s="455">
        <f>'確認書（検査機器）'!X118</f>
        <v>0</v>
      </c>
      <c r="G23" s="456">
        <f t="shared" ref="G23:G31" si="2">E23*F23</f>
        <v>0</v>
      </c>
      <c r="H23" s="469">
        <f>'確認書（検査機器）'!AE118</f>
        <v>0</v>
      </c>
      <c r="I23" s="453"/>
    </row>
    <row r="24" spans="2:9" ht="36" customHeight="1">
      <c r="B24" s="449"/>
      <c r="C24" s="469">
        <f>'確認書（検査機器）'!H119</f>
        <v>0</v>
      </c>
      <c r="D24" s="454">
        <f>'確認書（検査機器）'!N119</f>
        <v>0</v>
      </c>
      <c r="E24" s="455">
        <f>'確認書（検査機器）'!S119</f>
        <v>0</v>
      </c>
      <c r="F24" s="455">
        <f>'確認書（検査機器）'!X119</f>
        <v>0</v>
      </c>
      <c r="G24" s="456">
        <f t="shared" si="2"/>
        <v>0</v>
      </c>
      <c r="H24" s="469">
        <f>'確認書（検査機器）'!AE119</f>
        <v>0</v>
      </c>
      <c r="I24" s="453"/>
    </row>
    <row r="25" spans="2:9" ht="36" customHeight="1">
      <c r="B25" s="449"/>
      <c r="C25" s="469">
        <f>'確認書（検査機器）'!H120</f>
        <v>0</v>
      </c>
      <c r="D25" s="454">
        <f>'確認書（検査機器）'!N120</f>
        <v>0</v>
      </c>
      <c r="E25" s="455">
        <f>'確認書（検査機器）'!S120</f>
        <v>0</v>
      </c>
      <c r="F25" s="455">
        <f>'確認書（検査機器）'!X120</f>
        <v>0</v>
      </c>
      <c r="G25" s="456">
        <f t="shared" si="2"/>
        <v>0</v>
      </c>
      <c r="H25" s="469">
        <f>'確認書（検査機器）'!AE120</f>
        <v>0</v>
      </c>
      <c r="I25" s="453"/>
    </row>
    <row r="26" spans="2:9" ht="36" customHeight="1">
      <c r="B26" s="449"/>
      <c r="C26" s="469">
        <f>'確認書（検査機器）'!H121</f>
        <v>0</v>
      </c>
      <c r="D26" s="454">
        <f>'確認書（検査機器）'!N121</f>
        <v>0</v>
      </c>
      <c r="E26" s="455">
        <f>'確認書（検査機器）'!S121</f>
        <v>0</v>
      </c>
      <c r="F26" s="455">
        <f>'確認書（検査機器）'!X121</f>
        <v>0</v>
      </c>
      <c r="G26" s="456">
        <f t="shared" si="2"/>
        <v>0</v>
      </c>
      <c r="H26" s="469">
        <f>'確認書（検査機器）'!AE121</f>
        <v>0</v>
      </c>
      <c r="I26" s="453"/>
    </row>
    <row r="27" spans="2:9" ht="36" hidden="1" customHeight="1" outlineLevel="1">
      <c r="B27" s="449"/>
      <c r="C27" s="469">
        <f>'確認書（検査機器）'!H122</f>
        <v>0</v>
      </c>
      <c r="D27" s="454">
        <f>'確認書（検査機器）'!N122</f>
        <v>0</v>
      </c>
      <c r="E27" s="455">
        <f>'確認書（検査機器）'!S122</f>
        <v>0</v>
      </c>
      <c r="F27" s="455">
        <f>'確認書（検査機器）'!X122</f>
        <v>0</v>
      </c>
      <c r="G27" s="456">
        <f t="shared" si="2"/>
        <v>0</v>
      </c>
      <c r="H27" s="469">
        <f>'確認書（検査機器）'!AE122</f>
        <v>0</v>
      </c>
      <c r="I27" s="453"/>
    </row>
    <row r="28" spans="2:9" ht="36" hidden="1" customHeight="1" outlineLevel="1">
      <c r="B28" s="449"/>
      <c r="C28" s="469">
        <f>'確認書（検査機器）'!H123</f>
        <v>0</v>
      </c>
      <c r="D28" s="454">
        <f>'確認書（検査機器）'!N123</f>
        <v>0</v>
      </c>
      <c r="E28" s="455">
        <f>'確認書（検査機器）'!S123</f>
        <v>0</v>
      </c>
      <c r="F28" s="455">
        <f>'確認書（検査機器）'!X123</f>
        <v>0</v>
      </c>
      <c r="G28" s="456">
        <f t="shared" si="2"/>
        <v>0</v>
      </c>
      <c r="H28" s="469">
        <f>'確認書（検査機器）'!AE123</f>
        <v>0</v>
      </c>
      <c r="I28" s="453"/>
    </row>
    <row r="29" spans="2:9" ht="36" hidden="1" customHeight="1" outlineLevel="1">
      <c r="B29" s="449"/>
      <c r="C29" s="469">
        <f>'確認書（検査機器）'!H124</f>
        <v>0</v>
      </c>
      <c r="D29" s="454">
        <f>'確認書（検査機器）'!N124</f>
        <v>0</v>
      </c>
      <c r="E29" s="455">
        <f>'確認書（検査機器）'!S124</f>
        <v>0</v>
      </c>
      <c r="F29" s="455">
        <f>'確認書（検査機器）'!X124</f>
        <v>0</v>
      </c>
      <c r="G29" s="456">
        <f t="shared" si="2"/>
        <v>0</v>
      </c>
      <c r="H29" s="469">
        <f>'確認書（検査機器）'!AE124</f>
        <v>0</v>
      </c>
      <c r="I29" s="453"/>
    </row>
    <row r="30" spans="2:9" ht="36" hidden="1" customHeight="1" outlineLevel="1">
      <c r="B30" s="449"/>
      <c r="C30" s="469">
        <f>'確認書（検査機器）'!H125</f>
        <v>0</v>
      </c>
      <c r="D30" s="454">
        <f>'確認書（検査機器）'!N125</f>
        <v>0</v>
      </c>
      <c r="E30" s="455">
        <f>'確認書（検査機器）'!S125</f>
        <v>0</v>
      </c>
      <c r="F30" s="455">
        <f>'確認書（検査機器）'!X125</f>
        <v>0</v>
      </c>
      <c r="G30" s="456">
        <f t="shared" si="2"/>
        <v>0</v>
      </c>
      <c r="H30" s="469">
        <f>'確認書（検査機器）'!AE125</f>
        <v>0</v>
      </c>
      <c r="I30" s="453"/>
    </row>
    <row r="31" spans="2:9" ht="36" hidden="1" customHeight="1" outlineLevel="1">
      <c r="B31" s="449"/>
      <c r="C31" s="469">
        <f>'確認書（検査機器）'!H126</f>
        <v>0</v>
      </c>
      <c r="D31" s="454">
        <f>'確認書（検査機器）'!N126</f>
        <v>0</v>
      </c>
      <c r="E31" s="455">
        <f>'確認書（検査機器）'!S126</f>
        <v>0</v>
      </c>
      <c r="F31" s="455">
        <f>'確認書（検査機器）'!X126</f>
        <v>0</v>
      </c>
      <c r="G31" s="458">
        <f t="shared" si="2"/>
        <v>0</v>
      </c>
      <c r="H31" s="469">
        <f>'確認書（検査機器）'!AE126</f>
        <v>0</v>
      </c>
      <c r="I31" s="453"/>
    </row>
    <row r="32" spans="2:9" ht="13.5" collapsed="1">
      <c r="B32" s="1024" t="s">
        <v>43</v>
      </c>
      <c r="C32" s="1026" t="s">
        <v>44</v>
      </c>
      <c r="D32" s="1026" t="s">
        <v>44</v>
      </c>
      <c r="E32" s="1026" t="s">
        <v>44</v>
      </c>
      <c r="F32" s="1028" t="s">
        <v>44</v>
      </c>
      <c r="G32" s="1030">
        <f>SUM(G12:G31)</f>
        <v>0</v>
      </c>
      <c r="H32" s="1026" t="s">
        <v>44</v>
      </c>
      <c r="I32" s="1032" t="s">
        <v>44</v>
      </c>
    </row>
    <row r="33" spans="1:9" ht="13.5">
      <c r="B33" s="1025"/>
      <c r="C33" s="1027"/>
      <c r="D33" s="1027"/>
      <c r="E33" s="1027"/>
      <c r="F33" s="1029"/>
      <c r="G33" s="1031"/>
      <c r="H33" s="1027"/>
      <c r="I33" s="1033"/>
    </row>
    <row r="34" spans="1:9" ht="13.5">
      <c r="B34" s="444" t="s">
        <v>45</v>
      </c>
      <c r="C34" s="445"/>
      <c r="D34" s="445"/>
      <c r="E34" s="445"/>
      <c r="F34" s="459" t="s">
        <v>42</v>
      </c>
      <c r="G34" s="460" t="s">
        <v>11</v>
      </c>
      <c r="H34" s="445"/>
      <c r="I34" s="448"/>
    </row>
    <row r="35" spans="1:9" ht="36" customHeight="1">
      <c r="B35" s="449">
        <f>B12</f>
        <v>0</v>
      </c>
      <c r="C35" s="290"/>
      <c r="D35" s="290"/>
      <c r="E35" s="287"/>
      <c r="F35" s="287"/>
      <c r="G35" s="461">
        <f>E35*F35</f>
        <v>0</v>
      </c>
      <c r="H35" s="287"/>
      <c r="I35" s="453"/>
    </row>
    <row r="36" spans="1:9" ht="36" customHeight="1">
      <c r="B36" s="449"/>
      <c r="C36" s="291"/>
      <c r="D36" s="291"/>
      <c r="E36" s="289"/>
      <c r="F36" s="289"/>
      <c r="G36" s="462">
        <f t="shared" ref="G36:G39" si="3">E36*F36</f>
        <v>0</v>
      </c>
      <c r="H36" s="289"/>
      <c r="I36" s="453"/>
    </row>
    <row r="37" spans="1:9" ht="36" customHeight="1">
      <c r="B37" s="449"/>
      <c r="C37" s="291"/>
      <c r="D37" s="291"/>
      <c r="E37" s="289"/>
      <c r="F37" s="289"/>
      <c r="G37" s="462">
        <f t="shared" si="3"/>
        <v>0</v>
      </c>
      <c r="H37" s="289"/>
      <c r="I37" s="453"/>
    </row>
    <row r="38" spans="1:9" ht="36" customHeight="1">
      <c r="B38" s="449"/>
      <c r="C38" s="291"/>
      <c r="D38" s="291"/>
      <c r="E38" s="289"/>
      <c r="F38" s="289"/>
      <c r="G38" s="462">
        <f t="shared" si="3"/>
        <v>0</v>
      </c>
      <c r="H38" s="289"/>
      <c r="I38" s="453"/>
    </row>
    <row r="39" spans="1:9" ht="36" customHeight="1">
      <c r="B39" s="449"/>
      <c r="C39" s="291"/>
      <c r="D39" s="291"/>
      <c r="E39" s="289"/>
      <c r="F39" s="289"/>
      <c r="G39" s="462">
        <f t="shared" si="3"/>
        <v>0</v>
      </c>
      <c r="H39" s="289"/>
      <c r="I39" s="453"/>
    </row>
    <row r="40" spans="1:9" ht="36" hidden="1" customHeight="1" outlineLevel="1">
      <c r="B40" s="449"/>
      <c r="C40" s="291"/>
      <c r="D40" s="291"/>
      <c r="E40" s="289"/>
      <c r="F40" s="289"/>
      <c r="G40" s="462">
        <f t="shared" ref="G40:G44" si="4">E40*F40</f>
        <v>0</v>
      </c>
      <c r="H40" s="289"/>
      <c r="I40" s="453"/>
    </row>
    <row r="41" spans="1:9" ht="36" hidden="1" customHeight="1" outlineLevel="1">
      <c r="B41" s="449"/>
      <c r="C41" s="291"/>
      <c r="D41" s="291"/>
      <c r="E41" s="289"/>
      <c r="F41" s="289"/>
      <c r="G41" s="462">
        <f t="shared" si="4"/>
        <v>0</v>
      </c>
      <c r="H41" s="289"/>
      <c r="I41" s="453"/>
    </row>
    <row r="42" spans="1:9" ht="36" hidden="1" customHeight="1" outlineLevel="1">
      <c r="B42" s="449"/>
      <c r="C42" s="291"/>
      <c r="D42" s="291"/>
      <c r="E42" s="289"/>
      <c r="F42" s="289"/>
      <c r="G42" s="462">
        <f t="shared" si="4"/>
        <v>0</v>
      </c>
      <c r="H42" s="289"/>
      <c r="I42" s="453"/>
    </row>
    <row r="43" spans="1:9" ht="36" hidden="1" customHeight="1" outlineLevel="1">
      <c r="B43" s="449"/>
      <c r="C43" s="291"/>
      <c r="D43" s="291"/>
      <c r="E43" s="289"/>
      <c r="F43" s="289"/>
      <c r="G43" s="462">
        <f t="shared" si="4"/>
        <v>0</v>
      </c>
      <c r="H43" s="289"/>
      <c r="I43" s="453"/>
    </row>
    <row r="44" spans="1:9" ht="36" hidden="1" customHeight="1" outlineLevel="1">
      <c r="B44" s="449"/>
      <c r="C44" s="291"/>
      <c r="D44" s="291"/>
      <c r="E44" s="289"/>
      <c r="F44" s="289"/>
      <c r="G44" s="463">
        <f t="shared" si="4"/>
        <v>0</v>
      </c>
      <c r="H44" s="289"/>
      <c r="I44" s="453"/>
    </row>
    <row r="45" spans="1:9" ht="13.5" collapsed="1">
      <c r="A45" s="464"/>
      <c r="B45" s="1024" t="s">
        <v>43</v>
      </c>
      <c r="C45" s="1026" t="s">
        <v>44</v>
      </c>
      <c r="D45" s="1026" t="s">
        <v>44</v>
      </c>
      <c r="E45" s="1026" t="s">
        <v>44</v>
      </c>
      <c r="F45" s="1028" t="s">
        <v>44</v>
      </c>
      <c r="G45" s="1036">
        <f>SUM(G35:G44)</f>
        <v>0</v>
      </c>
      <c r="H45" s="1026" t="s">
        <v>44</v>
      </c>
      <c r="I45" s="1032" t="s">
        <v>44</v>
      </c>
    </row>
    <row r="46" spans="1:9" ht="13.5">
      <c r="A46" s="464"/>
      <c r="B46" s="1025"/>
      <c r="C46" s="1027"/>
      <c r="D46" s="1027"/>
      <c r="E46" s="1027"/>
      <c r="F46" s="1029"/>
      <c r="G46" s="1037"/>
      <c r="H46" s="1027"/>
      <c r="I46" s="1033"/>
    </row>
    <row r="47" spans="1:9" ht="13.5">
      <c r="B47" s="1041" t="s">
        <v>0</v>
      </c>
      <c r="C47" s="1026" t="s">
        <v>44</v>
      </c>
      <c r="D47" s="1026" t="s">
        <v>44</v>
      </c>
      <c r="E47" s="1026" t="s">
        <v>44</v>
      </c>
      <c r="F47" s="1028" t="s">
        <v>44</v>
      </c>
      <c r="G47" s="1036">
        <f>SUM(G32,G45)</f>
        <v>0</v>
      </c>
      <c r="H47" s="1026" t="s">
        <v>44</v>
      </c>
      <c r="I47" s="1032" t="s">
        <v>44</v>
      </c>
    </row>
    <row r="48" spans="1:9" ht="14.25" thickBot="1">
      <c r="B48" s="1042"/>
      <c r="C48" s="1038"/>
      <c r="D48" s="1038"/>
      <c r="E48" s="1038"/>
      <c r="F48" s="1043"/>
      <c r="G48" s="1040"/>
      <c r="H48" s="1038"/>
      <c r="I48" s="1039"/>
    </row>
    <row r="49" spans="2:2" ht="7.5" customHeight="1">
      <c r="B49" s="465"/>
    </row>
    <row r="50" spans="2:2" ht="13.5"/>
    <row r="51" spans="2:2" ht="13.5"/>
    <row r="52" spans="2:2" ht="13.5"/>
    <row r="53" spans="2:2" ht="13.5"/>
    <row r="54" spans="2:2" ht="13.5"/>
    <row r="55" spans="2:2" ht="13.5"/>
    <row r="56" spans="2:2" ht="13.5"/>
    <row r="57" spans="2:2" ht="13.5"/>
    <row r="58" spans="2:2" ht="13.5"/>
    <row r="59" spans="2:2" ht="13.5"/>
    <row r="60" spans="2:2" ht="13.5"/>
    <row r="61" spans="2:2" ht="13.5"/>
    <row r="62" spans="2:2" ht="13.5"/>
    <row r="63" spans="2:2" ht="13.5"/>
    <row r="64" spans="2:2" ht="13.5"/>
    <row r="65" ht="13.5"/>
    <row r="66" ht="13.5"/>
    <row r="67" ht="13.5"/>
    <row r="68" ht="13.5"/>
    <row r="69" ht="13.5"/>
    <row r="70" ht="13.5"/>
    <row r="71" ht="13.5"/>
    <row r="72" ht="13.5"/>
    <row r="73" ht="13.5"/>
    <row r="74" ht="13.5"/>
    <row r="75" ht="13.5"/>
    <row r="76" ht="13.5"/>
  </sheetData>
  <sheetProtection sheet="1" objects="1" scenarios="1"/>
  <customSheetViews>
    <customSheetView guid="{75F8A93C-F5BA-4FE5-85C6-88804E4D71E6}" scale="75" showPageBreaks="1" fitToPage="1" printArea="1" view="pageBreakPreview" topLeftCell="A13">
      <selection activeCell="C30" sqref="C30:C31"/>
      <pageMargins left="0.59055118110236227" right="0.59055118110236227" top="0.59055118110236227" bottom="0.59055118110236227" header="0.39370078740157483" footer="0.39370078740157483"/>
      <printOptions horizontalCentered="1"/>
      <pageSetup paperSize="9" scale="70" orientation="landscape" blackAndWhite="1" r:id="rId1"/>
      <headerFooter alignWithMargins="0"/>
    </customSheetView>
  </customSheetViews>
  <mergeCells count="28">
    <mergeCell ref="C3:G3"/>
    <mergeCell ref="C5:I5"/>
    <mergeCell ref="C6:I6"/>
    <mergeCell ref="B32:B33"/>
    <mergeCell ref="C32:C33"/>
    <mergeCell ref="D32:D33"/>
    <mergeCell ref="E32:E33"/>
    <mergeCell ref="F32:F33"/>
    <mergeCell ref="G32:G33"/>
    <mergeCell ref="H32:H33"/>
    <mergeCell ref="E7:I7"/>
    <mergeCell ref="I32:I33"/>
    <mergeCell ref="B45:B46"/>
    <mergeCell ref="C45:C46"/>
    <mergeCell ref="D45:D46"/>
    <mergeCell ref="E45:E46"/>
    <mergeCell ref="F45:F46"/>
    <mergeCell ref="G45:G46"/>
    <mergeCell ref="H45:H46"/>
    <mergeCell ref="I45:I46"/>
    <mergeCell ref="H47:H48"/>
    <mergeCell ref="I47:I48"/>
    <mergeCell ref="G47:G48"/>
    <mergeCell ref="B47:B48"/>
    <mergeCell ref="C47:C48"/>
    <mergeCell ref="D47:D48"/>
    <mergeCell ref="E47:E48"/>
    <mergeCell ref="F47:F48"/>
  </mergeCells>
  <phoneticPr fontId="2"/>
  <printOptions horizontalCentered="1"/>
  <pageMargins left="0.59055118110236227" right="0.59055118110236227" top="0.59055118110236227" bottom="0.59055118110236227" header="0.39370078740157483" footer="0.39370078740157483"/>
  <pageSetup paperSize="9" scale="75" orientation="portrait" blackAndWhite="1" r:id="rId2"/>
  <headerFooter alignWithMargins="0"/>
  <drawing r:id="rId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76"/>
  <sheetViews>
    <sheetView showZeros="0" view="pageBreakPreview" topLeftCell="A7" zoomScale="75" zoomScaleNormal="100" zoomScaleSheetLayoutView="75" workbookViewId="0">
      <selection activeCell="N36" sqref="N36"/>
    </sheetView>
  </sheetViews>
  <sheetFormatPr defaultColWidth="8.125" defaultRowHeight="20.100000000000001" customHeight="1" outlineLevelRow="1"/>
  <cols>
    <col min="1" max="1" width="0.75" style="437" customWidth="1"/>
    <col min="2" max="2" width="23.75" style="437" customWidth="1"/>
    <col min="3" max="4" width="16.75" style="437" customWidth="1"/>
    <col min="5" max="5" width="11.75" style="437" customWidth="1"/>
    <col min="6" max="6" width="16.25" style="437" customWidth="1"/>
    <col min="7" max="7" width="11.75" style="437" customWidth="1"/>
    <col min="8" max="8" width="13.75" style="437" customWidth="1"/>
    <col min="9" max="9" width="11.75" style="437" customWidth="1"/>
    <col min="10" max="10" width="1.25" style="437" customWidth="1"/>
    <col min="11" max="16384" width="8.125" style="437"/>
  </cols>
  <sheetData>
    <row r="1" spans="2:9" ht="13.5">
      <c r="B1" s="437" t="s">
        <v>277</v>
      </c>
    </row>
    <row r="2" spans="2:9" ht="13.5"/>
    <row r="3" spans="2:9" ht="13.5">
      <c r="C3" s="1022" t="s">
        <v>29</v>
      </c>
      <c r="D3" s="1022"/>
      <c r="E3" s="1022"/>
      <c r="F3" s="1022"/>
      <c r="G3" s="1022"/>
    </row>
    <row r="4" spans="2:9" ht="13.5"/>
    <row r="5" spans="2:9" ht="17.25" customHeight="1">
      <c r="B5" s="438" t="s">
        <v>30</v>
      </c>
      <c r="C5" s="1023">
        <f>基礎情報!$D$9</f>
        <v>0</v>
      </c>
      <c r="D5" s="1023"/>
      <c r="E5" s="1023"/>
      <c r="F5" s="1023"/>
      <c r="G5" s="1023"/>
      <c r="H5" s="1023"/>
      <c r="I5" s="1023"/>
    </row>
    <row r="6" spans="2:9" ht="17.25" customHeight="1">
      <c r="B6" s="438" t="s">
        <v>31</v>
      </c>
      <c r="C6" s="1023">
        <f>基礎情報!$D$11</f>
        <v>0</v>
      </c>
      <c r="D6" s="1023"/>
      <c r="E6" s="1023"/>
      <c r="F6" s="1023"/>
      <c r="G6" s="1023"/>
      <c r="H6" s="1023"/>
      <c r="I6" s="1023"/>
    </row>
    <row r="7" spans="2:9" ht="17.25" customHeight="1">
      <c r="B7" s="438" t="s">
        <v>112</v>
      </c>
      <c r="C7" s="438"/>
      <c r="D7" s="438"/>
      <c r="E7" s="1034" t="s">
        <v>127</v>
      </c>
      <c r="F7" s="1035"/>
      <c r="G7" s="1035"/>
      <c r="H7" s="1035"/>
      <c r="I7" s="1035"/>
    </row>
    <row r="8" spans="2:9" ht="17.25" customHeight="1">
      <c r="B8" s="439" t="s">
        <v>32</v>
      </c>
      <c r="C8" s="439"/>
      <c r="D8" s="439"/>
      <c r="E8" s="439"/>
      <c r="F8" s="439"/>
      <c r="G8" s="439"/>
      <c r="H8" s="439"/>
      <c r="I8" s="439"/>
    </row>
    <row r="9" spans="2:9" ht="7.5" customHeight="1" thickBot="1"/>
    <row r="10" spans="2:9" ht="13.5">
      <c r="B10" s="440" t="s">
        <v>33</v>
      </c>
      <c r="C10" s="441" t="s">
        <v>34</v>
      </c>
      <c r="D10" s="441" t="s">
        <v>35</v>
      </c>
      <c r="E10" s="441" t="s">
        <v>36</v>
      </c>
      <c r="F10" s="442" t="s">
        <v>37</v>
      </c>
      <c r="G10" s="442" t="s">
        <v>38</v>
      </c>
      <c r="H10" s="441" t="s">
        <v>39</v>
      </c>
      <c r="I10" s="443" t="s">
        <v>40</v>
      </c>
    </row>
    <row r="11" spans="2:9" ht="13.5">
      <c r="B11" s="444" t="s">
        <v>41</v>
      </c>
      <c r="C11" s="445"/>
      <c r="D11" s="445"/>
      <c r="E11" s="445"/>
      <c r="F11" s="446" t="s">
        <v>42</v>
      </c>
      <c r="G11" s="447" t="s">
        <v>42</v>
      </c>
      <c r="H11" s="445"/>
      <c r="I11" s="448"/>
    </row>
    <row r="12" spans="2:9" ht="36" customHeight="1">
      <c r="B12" s="449" t="s">
        <v>121</v>
      </c>
      <c r="C12" s="468">
        <f>'確認書（ベッド）'!B47</f>
        <v>0</v>
      </c>
      <c r="D12" s="468">
        <f>'確認書（ベッド）'!C47</f>
        <v>0</v>
      </c>
      <c r="E12" s="470">
        <f>'確認書（ベッド）'!E47</f>
        <v>0</v>
      </c>
      <c r="F12" s="471">
        <f>'確認書（ベッド）'!F47</f>
        <v>0</v>
      </c>
      <c r="G12" s="452">
        <f>F12*E12</f>
        <v>0</v>
      </c>
      <c r="H12" s="472">
        <f>'確認書（ベッド）'!H47</f>
        <v>0</v>
      </c>
      <c r="I12" s="453"/>
    </row>
    <row r="13" spans="2:9" ht="36" customHeight="1">
      <c r="B13" s="449"/>
      <c r="C13" s="468">
        <f>'確認書（ベッド）'!B48</f>
        <v>0</v>
      </c>
      <c r="D13" s="468">
        <f>'確認書（ベッド）'!C48</f>
        <v>0</v>
      </c>
      <c r="E13" s="470">
        <f>'確認書（ベッド）'!E48</f>
        <v>0</v>
      </c>
      <c r="F13" s="471">
        <f>'確認書（ベッド）'!F48</f>
        <v>0</v>
      </c>
      <c r="G13" s="456">
        <f t="shared" ref="G13:G21" si="0">F13*E13</f>
        <v>0</v>
      </c>
      <c r="H13" s="472">
        <f>'確認書（ベッド）'!H48</f>
        <v>0</v>
      </c>
      <c r="I13" s="453"/>
    </row>
    <row r="14" spans="2:9" ht="36" customHeight="1">
      <c r="B14" s="449"/>
      <c r="C14" s="468">
        <f>'確認書（ベッド）'!B49</f>
        <v>0</v>
      </c>
      <c r="D14" s="468">
        <f>'確認書（ベッド）'!C49</f>
        <v>0</v>
      </c>
      <c r="E14" s="470">
        <f>'確認書（ベッド）'!E49</f>
        <v>0</v>
      </c>
      <c r="F14" s="471">
        <f>'確認書（ベッド）'!F49</f>
        <v>0</v>
      </c>
      <c r="G14" s="456">
        <f t="shared" si="0"/>
        <v>0</v>
      </c>
      <c r="H14" s="472">
        <f>'確認書（ベッド）'!H49</f>
        <v>0</v>
      </c>
      <c r="I14" s="453"/>
    </row>
    <row r="15" spans="2:9" ht="36" customHeight="1">
      <c r="B15" s="449"/>
      <c r="C15" s="468">
        <f>'確認書（ベッド）'!B50</f>
        <v>0</v>
      </c>
      <c r="D15" s="468">
        <f>'確認書（ベッド）'!C50</f>
        <v>0</v>
      </c>
      <c r="E15" s="470">
        <f>'確認書（ベッド）'!E50</f>
        <v>0</v>
      </c>
      <c r="F15" s="471">
        <f>'確認書（ベッド）'!F50</f>
        <v>0</v>
      </c>
      <c r="G15" s="456">
        <f t="shared" si="0"/>
        <v>0</v>
      </c>
      <c r="H15" s="472">
        <f>'確認書（ベッド）'!H50</f>
        <v>0</v>
      </c>
      <c r="I15" s="453"/>
    </row>
    <row r="16" spans="2:9" ht="36" customHeight="1">
      <c r="B16" s="449"/>
      <c r="C16" s="468">
        <f>'確認書（ベッド）'!B51</f>
        <v>0</v>
      </c>
      <c r="D16" s="468">
        <f>'確認書（ベッド）'!C51</f>
        <v>0</v>
      </c>
      <c r="E16" s="470">
        <f>'確認書（ベッド）'!E51</f>
        <v>0</v>
      </c>
      <c r="F16" s="471">
        <f>'確認書（ベッド）'!F51</f>
        <v>0</v>
      </c>
      <c r="G16" s="456">
        <f t="shared" si="0"/>
        <v>0</v>
      </c>
      <c r="H16" s="472">
        <f>'確認書（ベッド）'!H51</f>
        <v>0</v>
      </c>
      <c r="I16" s="453"/>
    </row>
    <row r="17" spans="2:9" ht="36" hidden="1" customHeight="1" outlineLevel="1">
      <c r="B17" s="449"/>
      <c r="C17" s="468">
        <f>'確認書（ベッド）'!B52</f>
        <v>0</v>
      </c>
      <c r="D17" s="468">
        <f>'確認書（ベッド）'!C52</f>
        <v>0</v>
      </c>
      <c r="E17" s="470">
        <f>'確認書（ベッド）'!E52</f>
        <v>0</v>
      </c>
      <c r="F17" s="471">
        <f>'確認書（ベッド）'!F52</f>
        <v>0</v>
      </c>
      <c r="G17" s="456">
        <f t="shared" si="0"/>
        <v>0</v>
      </c>
      <c r="H17" s="472">
        <f>'確認書（ベッド）'!H52</f>
        <v>0</v>
      </c>
      <c r="I17" s="453"/>
    </row>
    <row r="18" spans="2:9" ht="36" hidden="1" customHeight="1" outlineLevel="1">
      <c r="B18" s="449"/>
      <c r="C18" s="468">
        <f>'確認書（ベッド）'!B53</f>
        <v>0</v>
      </c>
      <c r="D18" s="468">
        <f>'確認書（ベッド）'!C53</f>
        <v>0</v>
      </c>
      <c r="E18" s="470">
        <f>'確認書（ベッド）'!E53</f>
        <v>0</v>
      </c>
      <c r="F18" s="471">
        <f>'確認書（ベッド）'!F53</f>
        <v>0</v>
      </c>
      <c r="G18" s="456">
        <f t="shared" si="0"/>
        <v>0</v>
      </c>
      <c r="H18" s="472">
        <f>'確認書（ベッド）'!H53</f>
        <v>0</v>
      </c>
      <c r="I18" s="453"/>
    </row>
    <row r="19" spans="2:9" ht="36" hidden="1" customHeight="1" outlineLevel="1">
      <c r="B19" s="449"/>
      <c r="C19" s="468">
        <f>'確認書（ベッド）'!B54</f>
        <v>0</v>
      </c>
      <c r="D19" s="468">
        <f>'確認書（ベッド）'!C54</f>
        <v>0</v>
      </c>
      <c r="E19" s="470">
        <f>'確認書（ベッド）'!E54</f>
        <v>0</v>
      </c>
      <c r="F19" s="471">
        <f>'確認書（ベッド）'!F54</f>
        <v>0</v>
      </c>
      <c r="G19" s="456">
        <f t="shared" si="0"/>
        <v>0</v>
      </c>
      <c r="H19" s="472">
        <f>'確認書（ベッド）'!H54</f>
        <v>0</v>
      </c>
      <c r="I19" s="453"/>
    </row>
    <row r="20" spans="2:9" ht="36" hidden="1" customHeight="1" outlineLevel="1">
      <c r="B20" s="449"/>
      <c r="C20" s="468">
        <f>'確認書（ベッド）'!B55</f>
        <v>0</v>
      </c>
      <c r="D20" s="468">
        <f>'確認書（ベッド）'!C55</f>
        <v>0</v>
      </c>
      <c r="E20" s="470">
        <f>'確認書（ベッド）'!E55</f>
        <v>0</v>
      </c>
      <c r="F20" s="471">
        <f>'確認書（ベッド）'!F55</f>
        <v>0</v>
      </c>
      <c r="G20" s="456">
        <f t="shared" si="0"/>
        <v>0</v>
      </c>
      <c r="H20" s="472">
        <f>'確認書（ベッド）'!H55</f>
        <v>0</v>
      </c>
      <c r="I20" s="453"/>
    </row>
    <row r="21" spans="2:9" ht="36" hidden="1" customHeight="1" outlineLevel="1">
      <c r="B21" s="449"/>
      <c r="C21" s="468">
        <f>'確認書（ベッド）'!B56</f>
        <v>0</v>
      </c>
      <c r="D21" s="468">
        <f>'確認書（ベッド）'!C56</f>
        <v>0</v>
      </c>
      <c r="E21" s="470">
        <f>'確認書（ベッド）'!E56</f>
        <v>0</v>
      </c>
      <c r="F21" s="471">
        <f>'確認書（ベッド）'!F56</f>
        <v>0</v>
      </c>
      <c r="G21" s="456">
        <f t="shared" si="0"/>
        <v>0</v>
      </c>
      <c r="H21" s="472">
        <f>'確認書（ベッド）'!H56</f>
        <v>0</v>
      </c>
      <c r="I21" s="453"/>
    </row>
    <row r="22" spans="2:9" ht="36" customHeight="1" collapsed="1">
      <c r="B22" s="449"/>
      <c r="C22" s="469">
        <f>'確認書（ベッド）'!B98</f>
        <v>0</v>
      </c>
      <c r="D22" s="469">
        <f>'確認書（ベッド）'!C98</f>
        <v>0</v>
      </c>
      <c r="E22" s="457">
        <f>'確認書（ベッド）'!E98</f>
        <v>0</v>
      </c>
      <c r="F22" s="473">
        <f>'確認書（ベッド）'!F98</f>
        <v>0</v>
      </c>
      <c r="G22" s="456">
        <f t="shared" ref="G22" si="1">F22*E22</f>
        <v>0</v>
      </c>
      <c r="H22" s="474">
        <f>'確認書（ベッド）'!H98</f>
        <v>0</v>
      </c>
      <c r="I22" s="453"/>
    </row>
    <row r="23" spans="2:9" ht="36" customHeight="1">
      <c r="B23" s="449"/>
      <c r="C23" s="469">
        <f>'確認書（ベッド）'!B99</f>
        <v>0</v>
      </c>
      <c r="D23" s="469">
        <f>'確認書（ベッド）'!C99</f>
        <v>0</v>
      </c>
      <c r="E23" s="457">
        <f>'確認書（ベッド）'!E99</f>
        <v>0</v>
      </c>
      <c r="F23" s="473">
        <f>'確認書（ベッド）'!F99</f>
        <v>0</v>
      </c>
      <c r="G23" s="456">
        <f t="shared" ref="G23:G31" si="2">F23*E23</f>
        <v>0</v>
      </c>
      <c r="H23" s="474">
        <f>'確認書（ベッド）'!H99</f>
        <v>0</v>
      </c>
      <c r="I23" s="453"/>
    </row>
    <row r="24" spans="2:9" ht="36" customHeight="1">
      <c r="B24" s="449"/>
      <c r="C24" s="469">
        <f>'確認書（ベッド）'!B100</f>
        <v>0</v>
      </c>
      <c r="D24" s="469">
        <f>'確認書（ベッド）'!C100</f>
        <v>0</v>
      </c>
      <c r="E24" s="457">
        <f>'確認書（ベッド）'!E100</f>
        <v>0</v>
      </c>
      <c r="F24" s="473">
        <f>'確認書（ベッド）'!F100</f>
        <v>0</v>
      </c>
      <c r="G24" s="456">
        <f t="shared" si="2"/>
        <v>0</v>
      </c>
      <c r="H24" s="474">
        <f>'確認書（ベッド）'!H100</f>
        <v>0</v>
      </c>
      <c r="I24" s="453"/>
    </row>
    <row r="25" spans="2:9" ht="36" customHeight="1">
      <c r="B25" s="449"/>
      <c r="C25" s="469">
        <f>'確認書（ベッド）'!B101</f>
        <v>0</v>
      </c>
      <c r="D25" s="469">
        <f>'確認書（ベッド）'!C101</f>
        <v>0</v>
      </c>
      <c r="E25" s="457">
        <f>'確認書（ベッド）'!E101</f>
        <v>0</v>
      </c>
      <c r="F25" s="473">
        <f>'確認書（ベッド）'!F101</f>
        <v>0</v>
      </c>
      <c r="G25" s="456">
        <f t="shared" si="2"/>
        <v>0</v>
      </c>
      <c r="H25" s="474">
        <f>'確認書（ベッド）'!H101</f>
        <v>0</v>
      </c>
      <c r="I25" s="453"/>
    </row>
    <row r="26" spans="2:9" ht="36" customHeight="1">
      <c r="B26" s="449"/>
      <c r="C26" s="469">
        <f>'確認書（ベッド）'!B102</f>
        <v>0</v>
      </c>
      <c r="D26" s="469">
        <f>'確認書（ベッド）'!C102</f>
        <v>0</v>
      </c>
      <c r="E26" s="457">
        <f>'確認書（ベッド）'!E102</f>
        <v>0</v>
      </c>
      <c r="F26" s="473">
        <f>'確認書（ベッド）'!F102</f>
        <v>0</v>
      </c>
      <c r="G26" s="456">
        <f t="shared" si="2"/>
        <v>0</v>
      </c>
      <c r="H26" s="474">
        <f>'確認書（ベッド）'!H102</f>
        <v>0</v>
      </c>
      <c r="I26" s="453"/>
    </row>
    <row r="27" spans="2:9" ht="36" hidden="1" customHeight="1" outlineLevel="1">
      <c r="B27" s="449"/>
      <c r="C27" s="469">
        <f>'確認書（ベッド）'!B103</f>
        <v>0</v>
      </c>
      <c r="D27" s="469">
        <f>'確認書（ベッド）'!C103</f>
        <v>0</v>
      </c>
      <c r="E27" s="457">
        <f>'確認書（ベッド）'!E103</f>
        <v>0</v>
      </c>
      <c r="F27" s="473">
        <f>'確認書（ベッド）'!F103</f>
        <v>0</v>
      </c>
      <c r="G27" s="456">
        <f t="shared" si="2"/>
        <v>0</v>
      </c>
      <c r="H27" s="475">
        <f>'確認書（ベッド）'!H103</f>
        <v>0</v>
      </c>
      <c r="I27" s="453"/>
    </row>
    <row r="28" spans="2:9" ht="36" hidden="1" customHeight="1" outlineLevel="1">
      <c r="B28" s="449"/>
      <c r="C28" s="469">
        <f>'確認書（ベッド）'!B104</f>
        <v>0</v>
      </c>
      <c r="D28" s="469">
        <f>'確認書（ベッド）'!C104</f>
        <v>0</v>
      </c>
      <c r="E28" s="457">
        <f>'確認書（ベッド）'!E104</f>
        <v>0</v>
      </c>
      <c r="F28" s="473">
        <f>'確認書（ベッド）'!F104</f>
        <v>0</v>
      </c>
      <c r="G28" s="456">
        <f t="shared" si="2"/>
        <v>0</v>
      </c>
      <c r="H28" s="475">
        <f>'確認書（ベッド）'!H104</f>
        <v>0</v>
      </c>
      <c r="I28" s="453"/>
    </row>
    <row r="29" spans="2:9" ht="36" hidden="1" customHeight="1" outlineLevel="1">
      <c r="B29" s="449"/>
      <c r="C29" s="469">
        <f>'確認書（ベッド）'!B105</f>
        <v>0</v>
      </c>
      <c r="D29" s="469">
        <f>'確認書（ベッド）'!C105</f>
        <v>0</v>
      </c>
      <c r="E29" s="457">
        <f>'確認書（ベッド）'!E105</f>
        <v>0</v>
      </c>
      <c r="F29" s="473">
        <f>'確認書（ベッド）'!F105</f>
        <v>0</v>
      </c>
      <c r="G29" s="456">
        <f t="shared" si="2"/>
        <v>0</v>
      </c>
      <c r="H29" s="475">
        <f>'確認書（ベッド）'!H105</f>
        <v>0</v>
      </c>
      <c r="I29" s="453"/>
    </row>
    <row r="30" spans="2:9" ht="36" hidden="1" customHeight="1" outlineLevel="1">
      <c r="B30" s="449"/>
      <c r="C30" s="469">
        <f>'確認書（ベッド）'!B106</f>
        <v>0</v>
      </c>
      <c r="D30" s="469">
        <f>'確認書（ベッド）'!C106</f>
        <v>0</v>
      </c>
      <c r="E30" s="457">
        <f>'確認書（ベッド）'!E106</f>
        <v>0</v>
      </c>
      <c r="F30" s="473">
        <f>'確認書（ベッド）'!F106</f>
        <v>0</v>
      </c>
      <c r="G30" s="456">
        <f t="shared" si="2"/>
        <v>0</v>
      </c>
      <c r="H30" s="475">
        <f>'確認書（ベッド）'!H106</f>
        <v>0</v>
      </c>
      <c r="I30" s="453"/>
    </row>
    <row r="31" spans="2:9" ht="36" hidden="1" customHeight="1" outlineLevel="1">
      <c r="B31" s="449"/>
      <c r="C31" s="469">
        <f>'確認書（ベッド）'!B107</f>
        <v>0</v>
      </c>
      <c r="D31" s="469">
        <f>'確認書（ベッド）'!C107</f>
        <v>0</v>
      </c>
      <c r="E31" s="457">
        <f>'確認書（ベッド）'!E107</f>
        <v>0</v>
      </c>
      <c r="F31" s="473">
        <f>'確認書（ベッド）'!F107</f>
        <v>0</v>
      </c>
      <c r="G31" s="458">
        <f t="shared" si="2"/>
        <v>0</v>
      </c>
      <c r="H31" s="475">
        <f>'確認書（ベッド）'!H107</f>
        <v>0</v>
      </c>
      <c r="I31" s="453"/>
    </row>
    <row r="32" spans="2:9" ht="13.5" collapsed="1">
      <c r="B32" s="1024" t="s">
        <v>43</v>
      </c>
      <c r="C32" s="1026" t="s">
        <v>44</v>
      </c>
      <c r="D32" s="1026" t="s">
        <v>44</v>
      </c>
      <c r="E32" s="1026" t="s">
        <v>44</v>
      </c>
      <c r="F32" s="1028" t="s">
        <v>44</v>
      </c>
      <c r="G32" s="1030">
        <f>SUM(G12:G31)</f>
        <v>0</v>
      </c>
      <c r="H32" s="1026" t="s">
        <v>44</v>
      </c>
      <c r="I32" s="1032" t="s">
        <v>44</v>
      </c>
    </row>
    <row r="33" spans="1:9" ht="13.5">
      <c r="B33" s="1025"/>
      <c r="C33" s="1027"/>
      <c r="D33" s="1027"/>
      <c r="E33" s="1027"/>
      <c r="F33" s="1029"/>
      <c r="G33" s="1031"/>
      <c r="H33" s="1027"/>
      <c r="I33" s="1033"/>
    </row>
    <row r="34" spans="1:9" ht="13.5">
      <c r="B34" s="444" t="s">
        <v>45</v>
      </c>
      <c r="C34" s="445"/>
      <c r="D34" s="445"/>
      <c r="E34" s="445"/>
      <c r="F34" s="459" t="s">
        <v>42</v>
      </c>
      <c r="G34" s="460" t="s">
        <v>11</v>
      </c>
      <c r="H34" s="445"/>
      <c r="I34" s="448"/>
    </row>
    <row r="35" spans="1:9" ht="36.6" customHeight="1">
      <c r="B35" s="449" t="s">
        <v>121</v>
      </c>
      <c r="C35" s="290"/>
      <c r="D35" s="290"/>
      <c r="E35" s="292"/>
      <c r="F35" s="292"/>
      <c r="G35" s="461">
        <f>F35*E35</f>
        <v>0</v>
      </c>
      <c r="H35" s="476"/>
      <c r="I35" s="453"/>
    </row>
    <row r="36" spans="1:9" ht="36.6" customHeight="1">
      <c r="B36" s="449"/>
      <c r="C36" s="291"/>
      <c r="D36" s="291"/>
      <c r="E36" s="293"/>
      <c r="F36" s="293"/>
      <c r="G36" s="462">
        <f>F36*E36</f>
        <v>0</v>
      </c>
      <c r="H36" s="477"/>
      <c r="I36" s="453"/>
    </row>
    <row r="37" spans="1:9" ht="36.6" customHeight="1">
      <c r="B37" s="449"/>
      <c r="C37" s="291"/>
      <c r="D37" s="291"/>
      <c r="E37" s="293"/>
      <c r="F37" s="293"/>
      <c r="G37" s="462">
        <f t="shared" ref="G37:G39" si="3">F37*E37</f>
        <v>0</v>
      </c>
      <c r="H37" s="477"/>
      <c r="I37" s="453"/>
    </row>
    <row r="38" spans="1:9" ht="36.6" customHeight="1">
      <c r="B38" s="449"/>
      <c r="C38" s="291"/>
      <c r="D38" s="291"/>
      <c r="E38" s="293"/>
      <c r="F38" s="293"/>
      <c r="G38" s="462">
        <f t="shared" si="3"/>
        <v>0</v>
      </c>
      <c r="H38" s="477"/>
      <c r="I38" s="453"/>
    </row>
    <row r="39" spans="1:9" ht="36.6" customHeight="1">
      <c r="B39" s="449"/>
      <c r="C39" s="291"/>
      <c r="D39" s="291"/>
      <c r="E39" s="293"/>
      <c r="F39" s="293"/>
      <c r="G39" s="462">
        <f t="shared" si="3"/>
        <v>0</v>
      </c>
      <c r="H39" s="477"/>
      <c r="I39" s="453"/>
    </row>
    <row r="40" spans="1:9" ht="36.6" hidden="1" customHeight="1" outlineLevel="1">
      <c r="B40" s="449"/>
      <c r="C40" s="291"/>
      <c r="D40" s="291"/>
      <c r="E40" s="293"/>
      <c r="F40" s="293"/>
      <c r="G40" s="462">
        <f t="shared" ref="G40:G44" si="4">F40*E40</f>
        <v>0</v>
      </c>
      <c r="H40" s="477"/>
      <c r="I40" s="453"/>
    </row>
    <row r="41" spans="1:9" ht="36.6" hidden="1" customHeight="1" outlineLevel="1">
      <c r="B41" s="449"/>
      <c r="C41" s="291"/>
      <c r="D41" s="291"/>
      <c r="E41" s="293"/>
      <c r="F41" s="293"/>
      <c r="G41" s="462">
        <f t="shared" si="4"/>
        <v>0</v>
      </c>
      <c r="H41" s="477"/>
      <c r="I41" s="453"/>
    </row>
    <row r="42" spans="1:9" ht="36.6" hidden="1" customHeight="1" outlineLevel="1">
      <c r="B42" s="449"/>
      <c r="C42" s="291"/>
      <c r="D42" s="291"/>
      <c r="E42" s="293"/>
      <c r="F42" s="293"/>
      <c r="G42" s="462">
        <f t="shared" si="4"/>
        <v>0</v>
      </c>
      <c r="H42" s="477"/>
      <c r="I42" s="453"/>
    </row>
    <row r="43" spans="1:9" ht="36.6" hidden="1" customHeight="1" outlineLevel="1">
      <c r="B43" s="449"/>
      <c r="C43" s="291"/>
      <c r="D43" s="291"/>
      <c r="E43" s="293"/>
      <c r="F43" s="293"/>
      <c r="G43" s="462">
        <f t="shared" si="4"/>
        <v>0</v>
      </c>
      <c r="H43" s="477"/>
      <c r="I43" s="453"/>
    </row>
    <row r="44" spans="1:9" ht="36.6" hidden="1" customHeight="1" outlineLevel="1">
      <c r="B44" s="449"/>
      <c r="C44" s="291"/>
      <c r="D44" s="291"/>
      <c r="E44" s="293"/>
      <c r="F44" s="293"/>
      <c r="G44" s="463">
        <f t="shared" si="4"/>
        <v>0</v>
      </c>
      <c r="H44" s="477"/>
      <c r="I44" s="453"/>
    </row>
    <row r="45" spans="1:9" ht="13.5" collapsed="1">
      <c r="A45" s="464"/>
      <c r="B45" s="1024" t="s">
        <v>43</v>
      </c>
      <c r="C45" s="1026" t="s">
        <v>44</v>
      </c>
      <c r="D45" s="1026" t="s">
        <v>44</v>
      </c>
      <c r="E45" s="1026" t="s">
        <v>44</v>
      </c>
      <c r="F45" s="1028" t="s">
        <v>44</v>
      </c>
      <c r="G45" s="1036">
        <f>SUM(G35:G44)</f>
        <v>0</v>
      </c>
      <c r="H45" s="1044" t="s">
        <v>44</v>
      </c>
      <c r="I45" s="1032" t="s">
        <v>44</v>
      </c>
    </row>
    <row r="46" spans="1:9" ht="13.5">
      <c r="A46" s="464"/>
      <c r="B46" s="1025"/>
      <c r="C46" s="1027"/>
      <c r="D46" s="1027"/>
      <c r="E46" s="1027"/>
      <c r="F46" s="1029"/>
      <c r="G46" s="1037"/>
      <c r="H46" s="1045"/>
      <c r="I46" s="1033"/>
    </row>
    <row r="47" spans="1:9" ht="13.5">
      <c r="B47" s="1041" t="s">
        <v>0</v>
      </c>
      <c r="C47" s="1026" t="s">
        <v>44</v>
      </c>
      <c r="D47" s="1026" t="s">
        <v>44</v>
      </c>
      <c r="E47" s="1026" t="s">
        <v>44</v>
      </c>
      <c r="F47" s="1028" t="s">
        <v>44</v>
      </c>
      <c r="G47" s="1036">
        <f>SUM(G32,G45)</f>
        <v>0</v>
      </c>
      <c r="H47" s="1026" t="s">
        <v>44</v>
      </c>
      <c r="I47" s="1032" t="s">
        <v>44</v>
      </c>
    </row>
    <row r="48" spans="1:9" ht="14.25" thickBot="1">
      <c r="B48" s="1042"/>
      <c r="C48" s="1038"/>
      <c r="D48" s="1038"/>
      <c r="E48" s="1038"/>
      <c r="F48" s="1043"/>
      <c r="G48" s="1040"/>
      <c r="H48" s="1038"/>
      <c r="I48" s="1039"/>
    </row>
    <row r="49" spans="2:2" ht="7.5" customHeight="1">
      <c r="B49" s="465"/>
    </row>
    <row r="50" spans="2:2" ht="13.5"/>
    <row r="51" spans="2:2" ht="13.5"/>
    <row r="52" spans="2:2" ht="13.5"/>
    <row r="53" spans="2:2" ht="13.5"/>
    <row r="54" spans="2:2" ht="13.5"/>
    <row r="55" spans="2:2" ht="13.5"/>
    <row r="56" spans="2:2" ht="13.5"/>
    <row r="57" spans="2:2" ht="13.5"/>
    <row r="58" spans="2:2" ht="13.5"/>
    <row r="59" spans="2:2" ht="13.5"/>
    <row r="60" spans="2:2" ht="13.5"/>
    <row r="61" spans="2:2" ht="13.5"/>
    <row r="62" spans="2:2" ht="13.5"/>
    <row r="63" spans="2:2" ht="13.5"/>
    <row r="64" spans="2:2" ht="13.5"/>
    <row r="65" ht="13.5"/>
    <row r="66" ht="13.5"/>
    <row r="67" ht="13.5"/>
    <row r="68" ht="13.5"/>
    <row r="69" ht="13.5"/>
    <row r="70" ht="13.5"/>
    <row r="71" ht="13.5"/>
    <row r="72" ht="13.5"/>
    <row r="73" ht="13.5"/>
    <row r="74" ht="13.5"/>
    <row r="75" ht="13.5"/>
    <row r="76" ht="13.5"/>
  </sheetData>
  <customSheetViews>
    <customSheetView guid="{75F8A93C-F5BA-4FE5-85C6-88804E4D71E6}" scale="75" showPageBreaks="1" fitToPage="1" printArea="1" view="pageBreakPreview" topLeftCell="A7">
      <selection activeCell="P24" sqref="P24:P25"/>
      <pageMargins left="0.59055118110236227" right="0.59055118110236227" top="0.59055118110236227" bottom="0.59055118110236227" header="0.39370078740157483" footer="0.39370078740157483"/>
      <printOptions horizontalCentered="1"/>
      <pageSetup paperSize="9" scale="70" orientation="landscape" blackAndWhite="1" r:id="rId1"/>
      <headerFooter alignWithMargins="0"/>
    </customSheetView>
  </customSheetViews>
  <mergeCells count="28">
    <mergeCell ref="C3:G3"/>
    <mergeCell ref="C5:I5"/>
    <mergeCell ref="C6:I6"/>
    <mergeCell ref="B32:B33"/>
    <mergeCell ref="C32:C33"/>
    <mergeCell ref="D32:D33"/>
    <mergeCell ref="E32:E33"/>
    <mergeCell ref="F32:F33"/>
    <mergeCell ref="G32:G33"/>
    <mergeCell ref="H32:H33"/>
    <mergeCell ref="E7:I7"/>
    <mergeCell ref="I32:I33"/>
    <mergeCell ref="B45:B46"/>
    <mergeCell ref="C45:C46"/>
    <mergeCell ref="D45:D46"/>
    <mergeCell ref="E45:E46"/>
    <mergeCell ref="F45:F46"/>
    <mergeCell ref="G45:G46"/>
    <mergeCell ref="H45:H46"/>
    <mergeCell ref="I45:I46"/>
    <mergeCell ref="H47:H48"/>
    <mergeCell ref="I47:I48"/>
    <mergeCell ref="G47:G48"/>
    <mergeCell ref="B47:B48"/>
    <mergeCell ref="C47:C48"/>
    <mergeCell ref="D47:D48"/>
    <mergeCell ref="E47:E48"/>
    <mergeCell ref="F47:F48"/>
  </mergeCells>
  <phoneticPr fontId="2"/>
  <printOptions horizontalCentered="1"/>
  <pageMargins left="0.59055118110236227" right="0.59055118110236227" top="0.59055118110236227" bottom="0.59055118110236227" header="0.39370078740157483" footer="0.39370078740157483"/>
  <pageSetup paperSize="9" scale="69" orientation="portrait" blackAndWhite="1" r:id="rId2"/>
  <headerFooter alignWithMargins="0"/>
  <drawing r:id="rId3"/>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76"/>
  <sheetViews>
    <sheetView showZeros="0" view="pageBreakPreview" zoomScale="75" zoomScaleNormal="100" zoomScaleSheetLayoutView="75" workbookViewId="0">
      <selection activeCell="N37" sqref="N37"/>
    </sheetView>
  </sheetViews>
  <sheetFormatPr defaultColWidth="8.125" defaultRowHeight="20.100000000000001" customHeight="1" outlineLevelRow="1"/>
  <cols>
    <col min="1" max="1" width="0.75" style="437" customWidth="1"/>
    <col min="2" max="2" width="23.75" style="437" customWidth="1"/>
    <col min="3" max="3" width="17.75" style="437" customWidth="1"/>
    <col min="4" max="4" width="16.625" style="437" customWidth="1"/>
    <col min="5" max="5" width="10.125" style="437" customWidth="1"/>
    <col min="6" max="6" width="13.25" style="437" customWidth="1"/>
    <col min="7" max="7" width="11.75" style="437" customWidth="1"/>
    <col min="8" max="8" width="13.25" style="437" customWidth="1"/>
    <col min="9" max="9" width="11.75" style="437" customWidth="1"/>
    <col min="10" max="10" width="1.25" style="437" customWidth="1"/>
    <col min="11" max="16384" width="8.125" style="437"/>
  </cols>
  <sheetData>
    <row r="1" spans="2:9" ht="13.5">
      <c r="B1" s="437" t="s">
        <v>277</v>
      </c>
    </row>
    <row r="2" spans="2:9" ht="13.5"/>
    <row r="3" spans="2:9" ht="13.5">
      <c r="C3" s="1022" t="s">
        <v>29</v>
      </c>
      <c r="D3" s="1022"/>
      <c r="E3" s="1022"/>
      <c r="F3" s="1022"/>
      <c r="G3" s="1022"/>
    </row>
    <row r="4" spans="2:9" ht="13.5"/>
    <row r="5" spans="2:9" ht="17.25" customHeight="1">
      <c r="B5" s="438" t="s">
        <v>30</v>
      </c>
      <c r="C5" s="1023">
        <f>基礎情報!$D$9</f>
        <v>0</v>
      </c>
      <c r="D5" s="1023"/>
      <c r="E5" s="1023"/>
      <c r="F5" s="1023"/>
      <c r="G5" s="1023"/>
      <c r="H5" s="1023"/>
      <c r="I5" s="1023"/>
    </row>
    <row r="6" spans="2:9" ht="17.25" customHeight="1">
      <c r="B6" s="438" t="s">
        <v>31</v>
      </c>
      <c r="C6" s="1023">
        <f>基礎情報!$D$11</f>
        <v>0</v>
      </c>
      <c r="D6" s="1023"/>
      <c r="E6" s="1023"/>
      <c r="F6" s="1023"/>
      <c r="G6" s="1023"/>
      <c r="H6" s="1023"/>
      <c r="I6" s="1023"/>
    </row>
    <row r="7" spans="2:9" ht="17.25" customHeight="1">
      <c r="B7" s="438" t="s">
        <v>112</v>
      </c>
      <c r="C7" s="438"/>
      <c r="D7" s="438"/>
      <c r="E7" s="1034" t="s">
        <v>127</v>
      </c>
      <c r="F7" s="1035"/>
      <c r="G7" s="1035"/>
      <c r="H7" s="1035"/>
      <c r="I7" s="1035"/>
    </row>
    <row r="8" spans="2:9" ht="17.25" customHeight="1">
      <c r="B8" s="439" t="s">
        <v>32</v>
      </c>
      <c r="C8" s="439"/>
      <c r="D8" s="439"/>
      <c r="E8" s="439"/>
      <c r="F8" s="439"/>
      <c r="G8" s="439"/>
      <c r="H8" s="439"/>
      <c r="I8" s="439"/>
    </row>
    <row r="9" spans="2:9" ht="7.5" customHeight="1" thickBot="1"/>
    <row r="10" spans="2:9" ht="13.5">
      <c r="B10" s="440" t="s">
        <v>33</v>
      </c>
      <c r="C10" s="441" t="s">
        <v>34</v>
      </c>
      <c r="D10" s="441" t="s">
        <v>35</v>
      </c>
      <c r="E10" s="441" t="s">
        <v>36</v>
      </c>
      <c r="F10" s="442" t="s">
        <v>37</v>
      </c>
      <c r="G10" s="442" t="s">
        <v>38</v>
      </c>
      <c r="H10" s="441" t="s">
        <v>39</v>
      </c>
      <c r="I10" s="443" t="s">
        <v>40</v>
      </c>
    </row>
    <row r="11" spans="2:9" ht="13.5">
      <c r="B11" s="444" t="s">
        <v>41</v>
      </c>
      <c r="C11" s="445"/>
      <c r="D11" s="445"/>
      <c r="E11" s="445"/>
      <c r="F11" s="446" t="s">
        <v>42</v>
      </c>
      <c r="G11" s="447" t="s">
        <v>42</v>
      </c>
      <c r="H11" s="445"/>
      <c r="I11" s="448"/>
    </row>
    <row r="12" spans="2:9" ht="32.65" customHeight="1">
      <c r="B12" s="478" t="s">
        <v>352</v>
      </c>
      <c r="C12" s="468">
        <f>'確認書（検査機器）'!G47</f>
        <v>0</v>
      </c>
      <c r="D12" s="468">
        <f>'確認書（検査機器）'!K47</f>
        <v>0</v>
      </c>
      <c r="E12" s="471">
        <f>'確認書（清浄機）'!R51</f>
        <v>0</v>
      </c>
      <c r="F12" s="471">
        <f>'確認書（清浄機）'!V51</f>
        <v>0</v>
      </c>
      <c r="G12" s="452">
        <f>E12*F12</f>
        <v>0</v>
      </c>
      <c r="H12" s="470">
        <f>'確認書（清浄機）'!AE51</f>
        <v>0</v>
      </c>
      <c r="I12" s="453"/>
    </row>
    <row r="13" spans="2:9" ht="32.65" customHeight="1">
      <c r="B13" s="479"/>
      <c r="C13" s="468">
        <f>'確認書（検査機器）'!G48</f>
        <v>0</v>
      </c>
      <c r="D13" s="468">
        <f>'確認書（検査機器）'!K48</f>
        <v>0</v>
      </c>
      <c r="E13" s="471">
        <f>'確認書（清浄機）'!R52</f>
        <v>0</v>
      </c>
      <c r="F13" s="471">
        <f>'確認書（清浄機）'!V52</f>
        <v>0</v>
      </c>
      <c r="G13" s="456">
        <f t="shared" ref="G13:G21" si="0">E13*F13</f>
        <v>0</v>
      </c>
      <c r="H13" s="470">
        <f>'確認書（清浄機）'!AE52</f>
        <v>0</v>
      </c>
      <c r="I13" s="453"/>
    </row>
    <row r="14" spans="2:9" ht="32.65" customHeight="1">
      <c r="B14" s="479"/>
      <c r="C14" s="468">
        <f>'確認書（検査機器）'!G49</f>
        <v>0</v>
      </c>
      <c r="D14" s="468">
        <f>'確認書（検査機器）'!K49</f>
        <v>0</v>
      </c>
      <c r="E14" s="471">
        <f>'確認書（清浄機）'!R53</f>
        <v>0</v>
      </c>
      <c r="F14" s="471">
        <f>'確認書（清浄機）'!V53</f>
        <v>0</v>
      </c>
      <c r="G14" s="456">
        <f t="shared" si="0"/>
        <v>0</v>
      </c>
      <c r="H14" s="470">
        <f>'確認書（清浄機）'!AE53</f>
        <v>0</v>
      </c>
      <c r="I14" s="453"/>
    </row>
    <row r="15" spans="2:9" ht="32.65" customHeight="1">
      <c r="B15" s="479"/>
      <c r="C15" s="468">
        <f>'確認書（検査機器）'!G50</f>
        <v>0</v>
      </c>
      <c r="D15" s="468">
        <f>'確認書（検査機器）'!K50</f>
        <v>0</v>
      </c>
      <c r="E15" s="471">
        <f>'確認書（清浄機）'!R54</f>
        <v>0</v>
      </c>
      <c r="F15" s="471">
        <f>'確認書（清浄機）'!V54</f>
        <v>0</v>
      </c>
      <c r="G15" s="456">
        <f t="shared" si="0"/>
        <v>0</v>
      </c>
      <c r="H15" s="470">
        <f>'確認書（清浄機）'!AE54</f>
        <v>0</v>
      </c>
      <c r="I15" s="453"/>
    </row>
    <row r="16" spans="2:9" ht="32.65" customHeight="1">
      <c r="B16" s="479"/>
      <c r="C16" s="468">
        <f>'確認書（検査機器）'!G51</f>
        <v>0</v>
      </c>
      <c r="D16" s="468">
        <f>'確認書（検査機器）'!K51</f>
        <v>0</v>
      </c>
      <c r="E16" s="471">
        <f>'確認書（清浄機）'!R55</f>
        <v>0</v>
      </c>
      <c r="F16" s="471">
        <f>'確認書（清浄機）'!V55</f>
        <v>0</v>
      </c>
      <c r="G16" s="456">
        <f t="shared" si="0"/>
        <v>0</v>
      </c>
      <c r="H16" s="470">
        <f>'確認書（清浄機）'!AE55</f>
        <v>0</v>
      </c>
      <c r="I16" s="453"/>
    </row>
    <row r="17" spans="2:9" ht="32.65" hidden="1" customHeight="1" outlineLevel="1">
      <c r="B17" s="479"/>
      <c r="C17" s="468">
        <f>'確認書（検査機器）'!G52</f>
        <v>0</v>
      </c>
      <c r="D17" s="468">
        <f>'確認書（検査機器）'!K52</f>
        <v>0</v>
      </c>
      <c r="E17" s="471">
        <f>'確認書（清浄機）'!R56</f>
        <v>0</v>
      </c>
      <c r="F17" s="471">
        <f>'確認書（清浄機）'!V56</f>
        <v>0</v>
      </c>
      <c r="G17" s="456">
        <f t="shared" si="0"/>
        <v>0</v>
      </c>
      <c r="H17" s="470">
        <f>'確認書（清浄機）'!AE56</f>
        <v>0</v>
      </c>
      <c r="I17" s="453"/>
    </row>
    <row r="18" spans="2:9" ht="32.65" hidden="1" customHeight="1" outlineLevel="1">
      <c r="B18" s="479"/>
      <c r="C18" s="468">
        <f>'確認書（検査機器）'!G53</f>
        <v>0</v>
      </c>
      <c r="D18" s="468">
        <f>'確認書（検査機器）'!K53</f>
        <v>0</v>
      </c>
      <c r="E18" s="471">
        <f>'確認書（清浄機）'!R57</f>
        <v>0</v>
      </c>
      <c r="F18" s="471">
        <f>'確認書（清浄機）'!V57</f>
        <v>0</v>
      </c>
      <c r="G18" s="456">
        <f t="shared" si="0"/>
        <v>0</v>
      </c>
      <c r="H18" s="470">
        <f>'確認書（清浄機）'!AE57</f>
        <v>0</v>
      </c>
      <c r="I18" s="453"/>
    </row>
    <row r="19" spans="2:9" ht="32.65" hidden="1" customHeight="1" outlineLevel="1">
      <c r="B19" s="479"/>
      <c r="C19" s="468">
        <f>'確認書（検査機器）'!G54</f>
        <v>0</v>
      </c>
      <c r="D19" s="468">
        <f>'確認書（検査機器）'!K54</f>
        <v>0</v>
      </c>
      <c r="E19" s="471">
        <f>'確認書（清浄機）'!R58</f>
        <v>0</v>
      </c>
      <c r="F19" s="471">
        <f>'確認書（清浄機）'!V58</f>
        <v>0</v>
      </c>
      <c r="G19" s="456">
        <f t="shared" si="0"/>
        <v>0</v>
      </c>
      <c r="H19" s="470">
        <f>'確認書（清浄機）'!AE58</f>
        <v>0</v>
      </c>
      <c r="I19" s="453"/>
    </row>
    <row r="20" spans="2:9" ht="32.65" hidden="1" customHeight="1" outlineLevel="1">
      <c r="B20" s="479"/>
      <c r="C20" s="468">
        <f>'確認書（検査機器）'!G55</f>
        <v>0</v>
      </c>
      <c r="D20" s="468">
        <f>'確認書（検査機器）'!K55</f>
        <v>0</v>
      </c>
      <c r="E20" s="471">
        <f>'確認書（清浄機）'!R59</f>
        <v>0</v>
      </c>
      <c r="F20" s="471">
        <f>'確認書（清浄機）'!V59</f>
        <v>0</v>
      </c>
      <c r="G20" s="456">
        <f t="shared" si="0"/>
        <v>0</v>
      </c>
      <c r="H20" s="470">
        <f>'確認書（清浄機）'!AE59</f>
        <v>0</v>
      </c>
      <c r="I20" s="453"/>
    </row>
    <row r="21" spans="2:9" ht="32.65" hidden="1" customHeight="1" outlineLevel="1">
      <c r="B21" s="479"/>
      <c r="C21" s="468">
        <f>'確認書（検査機器）'!G56</f>
        <v>0</v>
      </c>
      <c r="D21" s="468">
        <f>'確認書（検査機器）'!K56</f>
        <v>0</v>
      </c>
      <c r="E21" s="471">
        <f>'確認書（清浄機）'!R60</f>
        <v>0</v>
      </c>
      <c r="F21" s="471">
        <f>'確認書（清浄機）'!V60</f>
        <v>0</v>
      </c>
      <c r="G21" s="456">
        <f t="shared" si="0"/>
        <v>0</v>
      </c>
      <c r="H21" s="470">
        <f>'確認書（清浄機）'!AE60</f>
        <v>0</v>
      </c>
      <c r="I21" s="453"/>
    </row>
    <row r="22" spans="2:9" ht="32.65" customHeight="1" collapsed="1">
      <c r="B22" s="479"/>
      <c r="C22" s="469">
        <f>'確認書（清浄機）'!C124</f>
        <v>0</v>
      </c>
      <c r="D22" s="469">
        <f>'確認書（清浄機）'!H124</f>
        <v>0</v>
      </c>
      <c r="E22" s="473">
        <f>'確認書（清浄機）'!S124</f>
        <v>0</v>
      </c>
      <c r="F22" s="473">
        <f>'確認書（清浄機）'!W124</f>
        <v>0</v>
      </c>
      <c r="G22" s="456">
        <f t="shared" ref="G22" si="1">E22*F22</f>
        <v>0</v>
      </c>
      <c r="H22" s="470">
        <f>'確認書（清浄機）'!AE124</f>
        <v>0</v>
      </c>
      <c r="I22" s="453"/>
    </row>
    <row r="23" spans="2:9" ht="32.65" customHeight="1">
      <c r="B23" s="479"/>
      <c r="C23" s="469">
        <f>'確認書（清浄機）'!C125</f>
        <v>0</v>
      </c>
      <c r="D23" s="469">
        <f>'確認書（清浄機）'!H125</f>
        <v>0</v>
      </c>
      <c r="E23" s="473">
        <f>'確認書（清浄機）'!S125</f>
        <v>0</v>
      </c>
      <c r="F23" s="473">
        <f>'確認書（清浄機）'!W125</f>
        <v>0</v>
      </c>
      <c r="G23" s="456">
        <f t="shared" ref="G23:G30" si="2">E23*F23</f>
        <v>0</v>
      </c>
      <c r="H23" s="470">
        <f>'確認書（清浄機）'!AE125</f>
        <v>0</v>
      </c>
      <c r="I23" s="453"/>
    </row>
    <row r="24" spans="2:9" ht="32.65" customHeight="1">
      <c r="B24" s="479"/>
      <c r="C24" s="469">
        <f>'確認書（清浄機）'!C126</f>
        <v>0</v>
      </c>
      <c r="D24" s="469">
        <f>'確認書（清浄機）'!H126</f>
        <v>0</v>
      </c>
      <c r="E24" s="473">
        <f>'確認書（清浄機）'!S126</f>
        <v>0</v>
      </c>
      <c r="F24" s="473">
        <f>'確認書（清浄機）'!W126</f>
        <v>0</v>
      </c>
      <c r="G24" s="456">
        <f t="shared" si="2"/>
        <v>0</v>
      </c>
      <c r="H24" s="470">
        <f>'確認書（清浄機）'!AE126</f>
        <v>0</v>
      </c>
      <c r="I24" s="453"/>
    </row>
    <row r="25" spans="2:9" ht="32.65" customHeight="1">
      <c r="B25" s="479"/>
      <c r="C25" s="469">
        <f>'確認書（清浄機）'!C127</f>
        <v>0</v>
      </c>
      <c r="D25" s="469">
        <f>'確認書（清浄機）'!H127</f>
        <v>0</v>
      </c>
      <c r="E25" s="473">
        <f>'確認書（清浄機）'!S127</f>
        <v>0</v>
      </c>
      <c r="F25" s="473">
        <f>'確認書（清浄機）'!W127</f>
        <v>0</v>
      </c>
      <c r="G25" s="456">
        <f t="shared" si="2"/>
        <v>0</v>
      </c>
      <c r="H25" s="470">
        <f>'確認書（清浄機）'!AE127</f>
        <v>0</v>
      </c>
      <c r="I25" s="453"/>
    </row>
    <row r="26" spans="2:9" ht="32.65" customHeight="1">
      <c r="B26" s="479"/>
      <c r="C26" s="469">
        <f>'確認書（清浄機）'!C128</f>
        <v>0</v>
      </c>
      <c r="D26" s="469">
        <f>'確認書（清浄機）'!H128</f>
        <v>0</v>
      </c>
      <c r="E26" s="473">
        <f>'確認書（清浄機）'!S128</f>
        <v>0</v>
      </c>
      <c r="F26" s="473">
        <f>'確認書（清浄機）'!W128</f>
        <v>0</v>
      </c>
      <c r="G26" s="456">
        <f t="shared" si="2"/>
        <v>0</v>
      </c>
      <c r="H26" s="470">
        <f>'確認書（清浄機）'!AE128</f>
        <v>0</v>
      </c>
      <c r="I26" s="453"/>
    </row>
    <row r="27" spans="2:9" ht="32.65" hidden="1" customHeight="1" outlineLevel="1">
      <c r="B27" s="480"/>
      <c r="C27" s="469">
        <f>'確認書（清浄機）'!C129</f>
        <v>0</v>
      </c>
      <c r="D27" s="469">
        <f>'確認書（清浄機）'!H129</f>
        <v>0</v>
      </c>
      <c r="E27" s="473">
        <f>'確認書（清浄機）'!S129</f>
        <v>0</v>
      </c>
      <c r="F27" s="473">
        <f>'確認書（清浄機）'!W129</f>
        <v>0</v>
      </c>
      <c r="G27" s="456">
        <f t="shared" si="2"/>
        <v>0</v>
      </c>
      <c r="H27" s="451">
        <f>'確認書（清浄機）'!AE129</f>
        <v>0</v>
      </c>
      <c r="I27" s="453"/>
    </row>
    <row r="28" spans="2:9" ht="32.65" hidden="1" customHeight="1" outlineLevel="1">
      <c r="B28" s="480"/>
      <c r="C28" s="469">
        <f>'確認書（清浄機）'!C130</f>
        <v>0</v>
      </c>
      <c r="D28" s="469">
        <f>'確認書（清浄機）'!H130</f>
        <v>0</v>
      </c>
      <c r="E28" s="473">
        <f>'確認書（清浄機）'!S130</f>
        <v>0</v>
      </c>
      <c r="F28" s="473">
        <f>'確認書（清浄機）'!W130</f>
        <v>0</v>
      </c>
      <c r="G28" s="456">
        <f t="shared" si="2"/>
        <v>0</v>
      </c>
      <c r="H28" s="451">
        <f>'確認書（清浄機）'!AE130</f>
        <v>0</v>
      </c>
      <c r="I28" s="453"/>
    </row>
    <row r="29" spans="2:9" ht="32.65" hidden="1" customHeight="1" outlineLevel="1">
      <c r="B29" s="480"/>
      <c r="C29" s="469">
        <f>'確認書（清浄機）'!C131</f>
        <v>0</v>
      </c>
      <c r="D29" s="469">
        <f>'確認書（清浄機）'!H131</f>
        <v>0</v>
      </c>
      <c r="E29" s="473">
        <f>'確認書（清浄機）'!S131</f>
        <v>0</v>
      </c>
      <c r="F29" s="473">
        <f>'確認書（清浄機）'!W131</f>
        <v>0</v>
      </c>
      <c r="G29" s="456">
        <f t="shared" si="2"/>
        <v>0</v>
      </c>
      <c r="H29" s="451">
        <f>'確認書（清浄機）'!AE131</f>
        <v>0</v>
      </c>
      <c r="I29" s="453"/>
    </row>
    <row r="30" spans="2:9" ht="32.65" hidden="1" customHeight="1" outlineLevel="1">
      <c r="B30" s="480"/>
      <c r="C30" s="469">
        <f>'確認書（清浄機）'!C132</f>
        <v>0</v>
      </c>
      <c r="D30" s="469">
        <f>'確認書（清浄機）'!H132</f>
        <v>0</v>
      </c>
      <c r="E30" s="473">
        <f>'確認書（清浄機）'!S132</f>
        <v>0</v>
      </c>
      <c r="F30" s="473">
        <f>'確認書（清浄機）'!W132</f>
        <v>0</v>
      </c>
      <c r="G30" s="456">
        <f t="shared" si="2"/>
        <v>0</v>
      </c>
      <c r="H30" s="451">
        <f>'確認書（清浄機）'!AE132</f>
        <v>0</v>
      </c>
      <c r="I30" s="453"/>
    </row>
    <row r="31" spans="2:9" ht="32.65" hidden="1" customHeight="1" outlineLevel="1">
      <c r="B31" s="480"/>
      <c r="C31" s="469">
        <f>'確認書（清浄機）'!C133</f>
        <v>0</v>
      </c>
      <c r="D31" s="469">
        <f>'確認書（清浄機）'!H133</f>
        <v>0</v>
      </c>
      <c r="E31" s="473">
        <f>'確認書（清浄機）'!S133</f>
        <v>0</v>
      </c>
      <c r="F31" s="473">
        <f>'確認書（清浄機）'!W133</f>
        <v>0</v>
      </c>
      <c r="G31" s="458">
        <f>E31*F31</f>
        <v>0</v>
      </c>
      <c r="H31" s="451">
        <f>'確認書（清浄機）'!AE133</f>
        <v>0</v>
      </c>
      <c r="I31" s="453"/>
    </row>
    <row r="32" spans="2:9" ht="13.5" collapsed="1">
      <c r="B32" s="1024" t="s">
        <v>43</v>
      </c>
      <c r="C32" s="1026" t="s">
        <v>44</v>
      </c>
      <c r="D32" s="1026" t="s">
        <v>44</v>
      </c>
      <c r="E32" s="1026" t="s">
        <v>44</v>
      </c>
      <c r="F32" s="1028" t="s">
        <v>44</v>
      </c>
      <c r="G32" s="1030">
        <f>SUM(G12:G31)</f>
        <v>0</v>
      </c>
      <c r="H32" s="1026" t="s">
        <v>44</v>
      </c>
      <c r="I32" s="1032" t="s">
        <v>44</v>
      </c>
    </row>
    <row r="33" spans="1:9" ht="13.5">
      <c r="B33" s="1025"/>
      <c r="C33" s="1027"/>
      <c r="D33" s="1027"/>
      <c r="E33" s="1027"/>
      <c r="F33" s="1029"/>
      <c r="G33" s="1031"/>
      <c r="H33" s="1027"/>
      <c r="I33" s="1033"/>
    </row>
    <row r="34" spans="1:9" ht="13.5">
      <c r="B34" s="444" t="s">
        <v>45</v>
      </c>
      <c r="C34" s="445"/>
      <c r="D34" s="445"/>
      <c r="E34" s="445"/>
      <c r="F34" s="459" t="s">
        <v>42</v>
      </c>
      <c r="G34" s="460" t="s">
        <v>11</v>
      </c>
      <c r="H34" s="445"/>
      <c r="I34" s="448"/>
    </row>
    <row r="35" spans="1:9" ht="27">
      <c r="B35" s="478" t="s">
        <v>352</v>
      </c>
      <c r="C35" s="290"/>
      <c r="D35" s="290"/>
      <c r="E35" s="292"/>
      <c r="F35" s="292"/>
      <c r="G35" s="461">
        <f>F35*E35</f>
        <v>0</v>
      </c>
      <c r="H35" s="287"/>
      <c r="I35" s="453"/>
    </row>
    <row r="36" spans="1:9" ht="30.6" customHeight="1">
      <c r="B36" s="481"/>
      <c r="C36" s="291"/>
      <c r="D36" s="291"/>
      <c r="E36" s="293"/>
      <c r="F36" s="293"/>
      <c r="G36" s="462">
        <f>F36*E36</f>
        <v>0</v>
      </c>
      <c r="H36" s="289"/>
      <c r="I36" s="453"/>
    </row>
    <row r="37" spans="1:9" ht="30.6" customHeight="1">
      <c r="B37" s="481"/>
      <c r="C37" s="291"/>
      <c r="D37" s="291"/>
      <c r="E37" s="293"/>
      <c r="F37" s="293"/>
      <c r="G37" s="462">
        <f t="shared" ref="G37:G39" si="3">F37*E37</f>
        <v>0</v>
      </c>
      <c r="H37" s="289"/>
      <c r="I37" s="453"/>
    </row>
    <row r="38" spans="1:9" ht="30.6" customHeight="1">
      <c r="B38" s="481"/>
      <c r="C38" s="291"/>
      <c r="D38" s="291"/>
      <c r="E38" s="293"/>
      <c r="F38" s="293"/>
      <c r="G38" s="462">
        <f t="shared" si="3"/>
        <v>0</v>
      </c>
      <c r="H38" s="289"/>
      <c r="I38" s="453"/>
    </row>
    <row r="39" spans="1:9" ht="30.6" customHeight="1">
      <c r="B39" s="481"/>
      <c r="C39" s="291"/>
      <c r="D39" s="291"/>
      <c r="E39" s="293"/>
      <c r="F39" s="293"/>
      <c r="G39" s="462">
        <f t="shared" si="3"/>
        <v>0</v>
      </c>
      <c r="H39" s="289"/>
      <c r="I39" s="453"/>
    </row>
    <row r="40" spans="1:9" ht="30.6" hidden="1" customHeight="1" outlineLevel="1">
      <c r="B40" s="481"/>
      <c r="C40" s="291"/>
      <c r="D40" s="291"/>
      <c r="E40" s="293"/>
      <c r="F40" s="293"/>
      <c r="G40" s="462">
        <f t="shared" ref="G40:G43" si="4">F40*E40</f>
        <v>0</v>
      </c>
      <c r="H40" s="289"/>
      <c r="I40" s="453"/>
    </row>
    <row r="41" spans="1:9" ht="30.6" hidden="1" customHeight="1" outlineLevel="1">
      <c r="B41" s="481"/>
      <c r="C41" s="291"/>
      <c r="D41" s="291"/>
      <c r="E41" s="293"/>
      <c r="F41" s="293"/>
      <c r="G41" s="462">
        <f t="shared" si="4"/>
        <v>0</v>
      </c>
      <c r="H41" s="289"/>
      <c r="I41" s="453"/>
    </row>
    <row r="42" spans="1:9" ht="30.6" hidden="1" customHeight="1" outlineLevel="1">
      <c r="B42" s="481"/>
      <c r="C42" s="291"/>
      <c r="D42" s="291"/>
      <c r="E42" s="293"/>
      <c r="F42" s="293"/>
      <c r="G42" s="462">
        <f t="shared" si="4"/>
        <v>0</v>
      </c>
      <c r="H42" s="289"/>
      <c r="I42" s="453"/>
    </row>
    <row r="43" spans="1:9" ht="30.6" hidden="1" customHeight="1" outlineLevel="1">
      <c r="B43" s="481"/>
      <c r="C43" s="291"/>
      <c r="D43" s="291"/>
      <c r="E43" s="293"/>
      <c r="F43" s="293"/>
      <c r="G43" s="462">
        <f t="shared" si="4"/>
        <v>0</v>
      </c>
      <c r="H43" s="289"/>
      <c r="I43" s="453"/>
    </row>
    <row r="44" spans="1:9" ht="30.6" hidden="1" customHeight="1" outlineLevel="1">
      <c r="B44" s="481"/>
      <c r="C44" s="291"/>
      <c r="D44" s="291"/>
      <c r="E44" s="293"/>
      <c r="F44" s="293"/>
      <c r="G44" s="463">
        <f>F44*E44</f>
        <v>0</v>
      </c>
      <c r="H44" s="466"/>
      <c r="I44" s="453"/>
    </row>
    <row r="45" spans="1:9" ht="13.5" collapsed="1">
      <c r="A45" s="464"/>
      <c r="B45" s="1024" t="s">
        <v>43</v>
      </c>
      <c r="C45" s="1026" t="s">
        <v>44</v>
      </c>
      <c r="D45" s="1026" t="s">
        <v>44</v>
      </c>
      <c r="E45" s="1026" t="s">
        <v>44</v>
      </c>
      <c r="F45" s="1028" t="s">
        <v>44</v>
      </c>
      <c r="G45" s="1036">
        <f>SUM(G35:G44)</f>
        <v>0</v>
      </c>
      <c r="H45" s="1046" t="s">
        <v>44</v>
      </c>
      <c r="I45" s="1032" t="s">
        <v>44</v>
      </c>
    </row>
    <row r="46" spans="1:9" ht="13.5">
      <c r="A46" s="464"/>
      <c r="B46" s="1025"/>
      <c r="C46" s="1027"/>
      <c r="D46" s="1027"/>
      <c r="E46" s="1027"/>
      <c r="F46" s="1029"/>
      <c r="G46" s="1037"/>
      <c r="H46" s="1047"/>
      <c r="I46" s="1033"/>
    </row>
    <row r="47" spans="1:9" ht="13.5">
      <c r="B47" s="1041" t="s">
        <v>0</v>
      </c>
      <c r="C47" s="1026" t="s">
        <v>44</v>
      </c>
      <c r="D47" s="1026" t="s">
        <v>44</v>
      </c>
      <c r="E47" s="1026" t="s">
        <v>44</v>
      </c>
      <c r="F47" s="1028" t="s">
        <v>44</v>
      </c>
      <c r="G47" s="1036">
        <f>SUM(G32,G45)</f>
        <v>0</v>
      </c>
      <c r="H47" s="1026" t="s">
        <v>44</v>
      </c>
      <c r="I47" s="1032" t="s">
        <v>44</v>
      </c>
    </row>
    <row r="48" spans="1:9" ht="14.25" thickBot="1">
      <c r="B48" s="1042"/>
      <c r="C48" s="1038"/>
      <c r="D48" s="1038"/>
      <c r="E48" s="1038"/>
      <c r="F48" s="1043"/>
      <c r="G48" s="1040"/>
      <c r="H48" s="1038"/>
      <c r="I48" s="1039"/>
    </row>
    <row r="49" spans="2:2" ht="7.5" customHeight="1">
      <c r="B49" s="465"/>
    </row>
    <row r="50" spans="2:2" ht="13.5"/>
    <row r="51" spans="2:2" ht="13.5"/>
    <row r="52" spans="2:2" ht="13.5"/>
    <row r="53" spans="2:2" ht="13.5"/>
    <row r="54" spans="2:2" ht="13.5"/>
    <row r="55" spans="2:2" ht="13.5"/>
    <row r="56" spans="2:2" ht="13.5"/>
    <row r="57" spans="2:2" ht="13.5"/>
    <row r="58" spans="2:2" ht="13.5"/>
    <row r="59" spans="2:2" ht="13.5"/>
    <row r="60" spans="2:2" ht="13.5"/>
    <row r="61" spans="2:2" ht="13.5"/>
    <row r="62" spans="2:2" ht="13.5"/>
    <row r="63" spans="2:2" ht="13.5"/>
    <row r="64" spans="2:2" ht="13.5"/>
    <row r="65" ht="13.5"/>
    <row r="66" ht="13.5"/>
    <row r="67" ht="13.5"/>
    <row r="68" ht="13.5"/>
    <row r="69" ht="13.5"/>
    <row r="70" ht="13.5"/>
    <row r="71" ht="13.5"/>
    <row r="72" ht="13.5"/>
    <row r="73" ht="13.5"/>
    <row r="74" ht="13.5"/>
    <row r="75" ht="13.5"/>
    <row r="76" ht="13.5"/>
  </sheetData>
  <sheetProtection sheet="1" objects="1" scenarios="1"/>
  <customSheetViews>
    <customSheetView guid="{75F8A93C-F5BA-4FE5-85C6-88804E4D71E6}" scale="75" showPageBreaks="1" fitToPage="1" printArea="1" view="pageBreakPreview" topLeftCell="A61">
      <selection activeCell="D25" sqref="D25"/>
      <pageMargins left="0.59055118110236227" right="0.59055118110236227" top="0.59055118110236227" bottom="0.59055118110236227" header="0.39370078740157483" footer="0.39370078740157483"/>
      <printOptions horizontalCentered="1"/>
      <pageSetup paperSize="9" scale="75" orientation="landscape" blackAndWhite="1" r:id="rId1"/>
      <headerFooter alignWithMargins="0"/>
    </customSheetView>
  </customSheetViews>
  <mergeCells count="28">
    <mergeCell ref="C3:G3"/>
    <mergeCell ref="C5:I5"/>
    <mergeCell ref="C6:I6"/>
    <mergeCell ref="B32:B33"/>
    <mergeCell ref="C32:C33"/>
    <mergeCell ref="D32:D33"/>
    <mergeCell ref="E32:E33"/>
    <mergeCell ref="F32:F33"/>
    <mergeCell ref="G32:G33"/>
    <mergeCell ref="H32:H33"/>
    <mergeCell ref="E7:I7"/>
    <mergeCell ref="I32:I33"/>
    <mergeCell ref="B45:B46"/>
    <mergeCell ref="C45:C46"/>
    <mergeCell ref="D45:D46"/>
    <mergeCell ref="E45:E46"/>
    <mergeCell ref="F45:F46"/>
    <mergeCell ref="G45:G46"/>
    <mergeCell ref="H45:H46"/>
    <mergeCell ref="I45:I46"/>
    <mergeCell ref="H47:H48"/>
    <mergeCell ref="I47:I48"/>
    <mergeCell ref="G47:G48"/>
    <mergeCell ref="B47:B48"/>
    <mergeCell ref="C47:C48"/>
    <mergeCell ref="D47:D48"/>
    <mergeCell ref="E47:E48"/>
    <mergeCell ref="F47:F48"/>
  </mergeCells>
  <phoneticPr fontId="2"/>
  <printOptions horizontalCentered="1"/>
  <pageMargins left="0.59055118110236227" right="0.59055118110236227" top="0.59055118110236227" bottom="0.59055118110236227" header="0.39370078740157483" footer="0.39370078740157483"/>
  <pageSetup paperSize="9" scale="71" orientation="portrait" blackAndWhite="1" r:id="rId2"/>
  <headerFooter alignWithMargins="0"/>
  <drawing r:id="rId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E45"/>
  <sheetViews>
    <sheetView showZeros="0" view="pageBreakPreview" zoomScaleNormal="100" zoomScaleSheetLayoutView="100" workbookViewId="0">
      <selection activeCell="N23" sqref="N23:X23"/>
    </sheetView>
  </sheetViews>
  <sheetFormatPr defaultColWidth="9" defaultRowHeight="14.25"/>
  <cols>
    <col min="1" max="48" width="2.625" style="220" customWidth="1"/>
    <col min="49" max="16384" width="9" style="220"/>
  </cols>
  <sheetData>
    <row r="1" spans="1:31" ht="20.100000000000001" customHeight="1">
      <c r="A1" s="1052" t="s">
        <v>22</v>
      </c>
      <c r="B1" s="1053"/>
      <c r="C1" s="1053"/>
      <c r="D1" s="1053"/>
      <c r="E1" s="1053"/>
      <c r="F1" s="1053"/>
      <c r="G1" s="1053"/>
      <c r="H1" s="1053"/>
      <c r="I1" s="1053"/>
      <c r="J1" s="1053"/>
      <c r="K1" s="1053"/>
      <c r="L1" s="1053"/>
      <c r="M1" s="1053"/>
      <c r="N1" s="1053"/>
      <c r="O1" s="1053"/>
      <c r="P1" s="1053"/>
      <c r="Q1" s="1053"/>
      <c r="R1" s="1053"/>
      <c r="S1" s="294"/>
      <c r="T1" s="294"/>
      <c r="U1" s="294"/>
      <c r="V1" s="294"/>
      <c r="W1" s="294"/>
      <c r="X1" s="294"/>
      <c r="Y1" s="294"/>
      <c r="Z1" s="294"/>
      <c r="AA1" s="294"/>
      <c r="AB1" s="294"/>
      <c r="AC1" s="294"/>
      <c r="AD1" s="294"/>
      <c r="AE1" s="294"/>
    </row>
    <row r="2" spans="1:31" ht="20.100000000000001" customHeight="1">
      <c r="A2" s="294"/>
      <c r="B2" s="294"/>
      <c r="C2" s="294"/>
      <c r="D2" s="294"/>
      <c r="E2" s="294"/>
      <c r="F2" s="294"/>
      <c r="G2" s="294"/>
      <c r="H2" s="294"/>
      <c r="I2" s="294"/>
      <c r="J2" s="294"/>
      <c r="K2" s="294"/>
      <c r="L2" s="294"/>
      <c r="M2" s="294"/>
      <c r="N2" s="294"/>
      <c r="O2" s="294"/>
      <c r="P2" s="294"/>
      <c r="Q2" s="294"/>
      <c r="R2" s="294"/>
      <c r="S2" s="294"/>
      <c r="T2" s="294"/>
      <c r="U2" s="294"/>
      <c r="V2" s="294"/>
      <c r="W2" s="1054" t="str">
        <f>IF(基礎情報!D3="","",基礎情報!D3)</f>
        <v/>
      </c>
      <c r="X2" s="1054"/>
      <c r="Y2" s="1054"/>
      <c r="Z2" s="1054"/>
      <c r="AA2" s="1054"/>
      <c r="AB2" s="1054"/>
      <c r="AC2" s="1054"/>
      <c r="AD2" s="1054"/>
      <c r="AE2" s="1054"/>
    </row>
    <row r="3" spans="1:31" ht="20.100000000000001" customHeight="1">
      <c r="A3" s="294"/>
      <c r="B3" s="294"/>
      <c r="C3" s="294"/>
      <c r="D3" s="294"/>
      <c r="E3" s="294"/>
      <c r="F3" s="294"/>
      <c r="G3" s="294"/>
      <c r="H3" s="294"/>
      <c r="I3" s="294"/>
      <c r="J3" s="294"/>
      <c r="K3" s="294"/>
      <c r="L3" s="294"/>
      <c r="M3" s="294"/>
      <c r="N3" s="294"/>
      <c r="O3" s="294"/>
      <c r="P3" s="294"/>
      <c r="Q3" s="294"/>
      <c r="R3" s="294"/>
      <c r="S3" s="294"/>
      <c r="T3" s="294"/>
      <c r="U3" s="294"/>
      <c r="V3" s="294"/>
      <c r="W3" s="1054"/>
      <c r="X3" s="1054"/>
      <c r="Y3" s="1054"/>
      <c r="Z3" s="1054"/>
      <c r="AA3" s="1054"/>
      <c r="AB3" s="1054"/>
      <c r="AC3" s="1054"/>
      <c r="AD3" s="1054"/>
      <c r="AE3" s="1054"/>
    </row>
    <row r="4" spans="1:31" ht="20.100000000000001" customHeight="1">
      <c r="A4" s="1055" t="s">
        <v>4</v>
      </c>
      <c r="B4" s="1055"/>
      <c r="C4" s="1055"/>
      <c r="D4" s="1055"/>
      <c r="E4" s="1055"/>
      <c r="F4" s="1055"/>
      <c r="G4" s="1055"/>
      <c r="H4" s="1055"/>
      <c r="I4" s="294"/>
      <c r="J4" s="294"/>
      <c r="K4" s="294"/>
      <c r="L4" s="294"/>
      <c r="M4" s="294"/>
      <c r="N4" s="294"/>
      <c r="O4" s="294"/>
      <c r="P4" s="294"/>
      <c r="Q4" s="294"/>
      <c r="R4" s="294"/>
      <c r="S4" s="294"/>
      <c r="T4" s="294"/>
      <c r="U4" s="294"/>
      <c r="V4" s="294"/>
      <c r="W4" s="294"/>
      <c r="X4" s="294"/>
      <c r="Y4" s="294"/>
      <c r="Z4" s="294"/>
      <c r="AA4" s="294"/>
      <c r="AB4" s="294"/>
      <c r="AC4" s="294"/>
      <c r="AD4" s="294"/>
      <c r="AE4" s="294"/>
    </row>
    <row r="5" spans="1:31" ht="20.100000000000001" customHeight="1">
      <c r="A5" s="1055"/>
      <c r="B5" s="1055"/>
      <c r="C5" s="1055"/>
      <c r="D5" s="1055"/>
      <c r="E5" s="1055"/>
      <c r="F5" s="1055"/>
      <c r="G5" s="1055"/>
      <c r="H5" s="1055"/>
      <c r="I5" s="294"/>
      <c r="J5" s="294"/>
      <c r="K5" s="294"/>
      <c r="L5" s="294"/>
      <c r="M5" s="294"/>
      <c r="N5" s="294"/>
      <c r="O5" s="294"/>
      <c r="P5" s="294"/>
      <c r="Q5" s="294"/>
      <c r="R5" s="294"/>
      <c r="S5" s="294"/>
      <c r="T5" s="294"/>
      <c r="U5" s="294"/>
      <c r="V5" s="294"/>
      <c r="W5" s="294"/>
      <c r="X5" s="294"/>
      <c r="Y5" s="294"/>
      <c r="Z5" s="294"/>
      <c r="AA5" s="294"/>
      <c r="AB5" s="294"/>
      <c r="AC5" s="294"/>
      <c r="AD5" s="294"/>
      <c r="AE5" s="294"/>
    </row>
    <row r="6" spans="1:31" ht="20.100000000000001" customHeight="1">
      <c r="A6" s="294"/>
      <c r="B6" s="294"/>
      <c r="C6" s="294"/>
      <c r="D6" s="294"/>
      <c r="E6" s="294"/>
      <c r="F6" s="294"/>
      <c r="G6" s="294"/>
      <c r="H6" s="294"/>
      <c r="I6" s="294"/>
      <c r="J6" s="294"/>
      <c r="K6" s="294"/>
      <c r="L6" s="294"/>
      <c r="M6" s="294"/>
      <c r="N6" s="1055" t="s">
        <v>5</v>
      </c>
      <c r="O6" s="1055"/>
      <c r="P6" s="1055"/>
      <c r="Q6" s="1055"/>
      <c r="R6" s="1055"/>
      <c r="S6" s="1056">
        <f>基礎情報!$D$4</f>
        <v>0</v>
      </c>
      <c r="T6" s="1056"/>
      <c r="U6" s="1056"/>
      <c r="V6" s="1056"/>
      <c r="W6" s="1056"/>
      <c r="X6" s="1056"/>
      <c r="Y6" s="1056"/>
      <c r="Z6" s="1056"/>
      <c r="AA6" s="1056"/>
      <c r="AB6" s="1056"/>
      <c r="AC6" s="1056"/>
      <c r="AD6" s="1056"/>
      <c r="AE6" s="1056"/>
    </row>
    <row r="7" spans="1:31" ht="20.100000000000001" customHeight="1">
      <c r="A7" s="294"/>
      <c r="B7" s="294"/>
      <c r="C7" s="294"/>
      <c r="D7" s="294"/>
      <c r="E7" s="294"/>
      <c r="F7" s="294"/>
      <c r="G7" s="294"/>
      <c r="H7" s="294"/>
      <c r="I7" s="294"/>
      <c r="J7" s="294"/>
      <c r="K7" s="294"/>
      <c r="L7" s="294"/>
      <c r="M7" s="294"/>
      <c r="N7" s="1055"/>
      <c r="O7" s="1055"/>
      <c r="P7" s="1055"/>
      <c r="Q7" s="1055"/>
      <c r="R7" s="1055"/>
      <c r="S7" s="1056"/>
      <c r="T7" s="1056"/>
      <c r="U7" s="1056"/>
      <c r="V7" s="1056"/>
      <c r="W7" s="1056"/>
      <c r="X7" s="1056"/>
      <c r="Y7" s="1056"/>
      <c r="Z7" s="1056"/>
      <c r="AA7" s="1056"/>
      <c r="AB7" s="1056"/>
      <c r="AC7" s="1056"/>
      <c r="AD7" s="1056"/>
      <c r="AE7" s="1056"/>
    </row>
    <row r="8" spans="1:31" ht="20.65" customHeight="1">
      <c r="A8" s="294"/>
      <c r="B8" s="294"/>
      <c r="C8" s="294"/>
      <c r="D8" s="294"/>
      <c r="E8" s="294"/>
      <c r="F8" s="294"/>
      <c r="G8" s="294"/>
      <c r="H8" s="294"/>
      <c r="I8" s="294"/>
      <c r="J8" s="294"/>
      <c r="K8" s="294"/>
      <c r="L8" s="294"/>
      <c r="M8" s="294"/>
      <c r="N8" s="1057" t="s">
        <v>3</v>
      </c>
      <c r="O8" s="1055"/>
      <c r="P8" s="1055"/>
      <c r="Q8" s="1055"/>
      <c r="R8" s="1055"/>
      <c r="S8" s="1058">
        <f>基礎情報!$D$5</f>
        <v>0</v>
      </c>
      <c r="T8" s="1058"/>
      <c r="U8" s="1058"/>
      <c r="V8" s="1058"/>
      <c r="W8" s="1058"/>
      <c r="X8" s="1058"/>
      <c r="Y8" s="1058"/>
      <c r="Z8" s="1058"/>
      <c r="AA8" s="1058"/>
      <c r="AB8" s="1058"/>
      <c r="AC8" s="1058"/>
      <c r="AD8" s="1058"/>
      <c r="AE8" s="1058"/>
    </row>
    <row r="9" spans="1:31" ht="25.15" customHeight="1">
      <c r="A9" s="294"/>
      <c r="B9" s="294"/>
      <c r="C9" s="294"/>
      <c r="D9" s="294"/>
      <c r="E9" s="294"/>
      <c r="F9" s="294"/>
      <c r="G9" s="294"/>
      <c r="H9" s="294"/>
      <c r="I9" s="294"/>
      <c r="J9" s="294"/>
      <c r="K9" s="294"/>
      <c r="L9" s="294"/>
      <c r="M9" s="294"/>
      <c r="N9" s="1055"/>
      <c r="O9" s="1055"/>
      <c r="P9" s="1055"/>
      <c r="Q9" s="1055"/>
      <c r="R9" s="1055"/>
      <c r="S9" s="1058"/>
      <c r="T9" s="1058"/>
      <c r="U9" s="1058"/>
      <c r="V9" s="1058"/>
      <c r="W9" s="1058"/>
      <c r="X9" s="1058"/>
      <c r="Y9" s="1058"/>
      <c r="Z9" s="1058"/>
      <c r="AA9" s="1058"/>
      <c r="AB9" s="1058"/>
      <c r="AC9" s="1058"/>
      <c r="AD9" s="1058"/>
      <c r="AE9" s="1058"/>
    </row>
    <row r="10" spans="1:31" ht="20.100000000000001" customHeight="1">
      <c r="A10" s="294"/>
      <c r="B10" s="294"/>
      <c r="C10" s="294"/>
      <c r="D10" s="294"/>
      <c r="E10" s="294"/>
      <c r="F10" s="294"/>
      <c r="G10" s="294"/>
      <c r="H10" s="294"/>
      <c r="I10" s="294"/>
      <c r="J10" s="294"/>
      <c r="K10" s="294"/>
      <c r="L10" s="294"/>
      <c r="M10" s="294"/>
      <c r="N10" s="1059" t="s">
        <v>6</v>
      </c>
      <c r="O10" s="1055"/>
      <c r="P10" s="1055"/>
      <c r="Q10" s="1055"/>
      <c r="R10" s="1055"/>
      <c r="S10" s="1058">
        <f>基礎情報!$D$6</f>
        <v>0</v>
      </c>
      <c r="T10" s="1058"/>
      <c r="U10" s="1058"/>
      <c r="V10" s="1058"/>
      <c r="W10" s="1058"/>
      <c r="X10" s="1058"/>
      <c r="Y10" s="1058"/>
      <c r="Z10" s="1058"/>
      <c r="AA10" s="1058"/>
      <c r="AB10" s="1058"/>
      <c r="AC10" s="1058"/>
      <c r="AD10" s="1058"/>
      <c r="AE10" s="1058"/>
    </row>
    <row r="11" spans="1:31" ht="30" customHeight="1">
      <c r="A11" s="294"/>
      <c r="B11" s="294"/>
      <c r="C11" s="294"/>
      <c r="D11" s="294"/>
      <c r="E11" s="294"/>
      <c r="F11" s="294"/>
      <c r="G11" s="294"/>
      <c r="H11" s="294"/>
      <c r="I11" s="294"/>
      <c r="J11" s="294"/>
      <c r="K11" s="294"/>
      <c r="L11" s="294"/>
      <c r="M11" s="294"/>
      <c r="N11" s="1055"/>
      <c r="O11" s="1055"/>
      <c r="P11" s="1055"/>
      <c r="Q11" s="1055"/>
      <c r="R11" s="1055"/>
      <c r="S11" s="1058"/>
      <c r="T11" s="1058"/>
      <c r="U11" s="1058"/>
      <c r="V11" s="1058"/>
      <c r="W11" s="1058"/>
      <c r="X11" s="1058"/>
      <c r="Y11" s="1058"/>
      <c r="Z11" s="1058"/>
      <c r="AA11" s="1058"/>
      <c r="AB11" s="1058"/>
      <c r="AC11" s="1058"/>
      <c r="AD11" s="1058"/>
      <c r="AE11" s="1058"/>
    </row>
    <row r="12" spans="1:31" ht="32.65" customHeight="1">
      <c r="A12" s="294"/>
      <c r="B12" s="294"/>
      <c r="C12" s="294"/>
      <c r="D12" s="294"/>
      <c r="E12" s="294"/>
      <c r="F12" s="294"/>
      <c r="G12" s="294"/>
      <c r="H12" s="294"/>
      <c r="I12" s="294"/>
      <c r="J12" s="294"/>
      <c r="K12" s="294"/>
      <c r="L12" s="294"/>
      <c r="M12" s="294"/>
      <c r="N12" s="295"/>
      <c r="O12" s="295"/>
      <c r="P12" s="295"/>
      <c r="Q12" s="295"/>
      <c r="R12" s="295"/>
      <c r="S12" s="1058">
        <f>基礎情報!$D$7</f>
        <v>0</v>
      </c>
      <c r="T12" s="1058"/>
      <c r="U12" s="1058"/>
      <c r="V12" s="1058"/>
      <c r="W12" s="1058"/>
      <c r="X12" s="1058"/>
      <c r="Y12" s="1058"/>
      <c r="Z12" s="1058"/>
      <c r="AA12" s="1058"/>
      <c r="AB12" s="1058"/>
      <c r="AC12" s="1058"/>
      <c r="AD12" s="1058"/>
      <c r="AE12" s="1058"/>
    </row>
    <row r="13" spans="1:31" ht="20.100000000000001" customHeight="1">
      <c r="A13" s="294"/>
      <c r="B13" s="294"/>
      <c r="C13" s="294"/>
      <c r="D13" s="294"/>
      <c r="E13" s="294"/>
      <c r="F13" s="294"/>
      <c r="G13" s="294"/>
      <c r="H13" s="294"/>
      <c r="I13" s="294"/>
      <c r="J13" s="294"/>
      <c r="K13" s="294"/>
      <c r="L13" s="294"/>
      <c r="M13" s="294"/>
      <c r="N13" s="295"/>
      <c r="O13" s="295"/>
      <c r="P13" s="295"/>
      <c r="Q13" s="295"/>
      <c r="R13" s="295"/>
      <c r="S13" s="1062"/>
      <c r="T13" s="1062"/>
      <c r="U13" s="1062"/>
      <c r="V13" s="1062"/>
      <c r="W13" s="1062"/>
      <c r="X13" s="1062"/>
      <c r="Y13" s="1062"/>
      <c r="Z13" s="1062"/>
      <c r="AA13" s="1062"/>
      <c r="AB13" s="1062"/>
      <c r="AC13" s="1062"/>
      <c r="AD13" s="1062"/>
      <c r="AE13" s="1062"/>
    </row>
    <row r="14" spans="1:31" ht="20.100000000000001" customHeight="1">
      <c r="A14" s="1060" t="s">
        <v>169</v>
      </c>
      <c r="B14" s="1061"/>
      <c r="C14" s="1061"/>
      <c r="D14" s="1061"/>
      <c r="E14" s="1061"/>
      <c r="F14" s="1061"/>
      <c r="G14" s="1061"/>
      <c r="H14" s="1061"/>
      <c r="I14" s="1061"/>
      <c r="J14" s="1061"/>
      <c r="K14" s="1061"/>
      <c r="L14" s="1061"/>
      <c r="M14" s="1061"/>
      <c r="N14" s="1061"/>
      <c r="O14" s="1061"/>
      <c r="P14" s="1061"/>
      <c r="Q14" s="1061"/>
      <c r="R14" s="1061"/>
      <c r="S14" s="1061"/>
      <c r="T14" s="1061"/>
      <c r="U14" s="1061"/>
      <c r="V14" s="1061"/>
      <c r="W14" s="1061"/>
      <c r="X14" s="1061"/>
      <c r="Y14" s="1061"/>
      <c r="Z14" s="1061"/>
      <c r="AA14" s="1061"/>
      <c r="AB14" s="1061"/>
      <c r="AC14" s="1061"/>
      <c r="AD14" s="1061"/>
      <c r="AE14" s="1061"/>
    </row>
    <row r="15" spans="1:31" ht="20.100000000000001" customHeight="1">
      <c r="A15" s="1061"/>
      <c r="B15" s="1061"/>
      <c r="C15" s="1061"/>
      <c r="D15" s="1061"/>
      <c r="E15" s="1061"/>
      <c r="F15" s="1061"/>
      <c r="G15" s="1061"/>
      <c r="H15" s="1061"/>
      <c r="I15" s="1061"/>
      <c r="J15" s="1061"/>
      <c r="K15" s="1061"/>
      <c r="L15" s="1061"/>
      <c r="M15" s="1061"/>
      <c r="N15" s="1061"/>
      <c r="O15" s="1061"/>
      <c r="P15" s="1061"/>
      <c r="Q15" s="1061"/>
      <c r="R15" s="1061"/>
      <c r="S15" s="1061"/>
      <c r="T15" s="1061"/>
      <c r="U15" s="1061"/>
      <c r="V15" s="1061"/>
      <c r="W15" s="1061"/>
      <c r="X15" s="1061"/>
      <c r="Y15" s="1061"/>
      <c r="Z15" s="1061"/>
      <c r="AA15" s="1061"/>
      <c r="AB15" s="1061"/>
      <c r="AC15" s="1061"/>
      <c r="AD15" s="1061"/>
      <c r="AE15" s="1061"/>
    </row>
    <row r="16" spans="1:31" ht="20.100000000000001" customHeight="1">
      <c r="A16" s="1061"/>
      <c r="B16" s="1061"/>
      <c r="C16" s="1061"/>
      <c r="D16" s="1061"/>
      <c r="E16" s="1061"/>
      <c r="F16" s="1061"/>
      <c r="G16" s="1061"/>
      <c r="H16" s="1061"/>
      <c r="I16" s="1061"/>
      <c r="J16" s="1061"/>
      <c r="K16" s="1061"/>
      <c r="L16" s="1061"/>
      <c r="M16" s="1061"/>
      <c r="N16" s="1061"/>
      <c r="O16" s="1061"/>
      <c r="P16" s="1061"/>
      <c r="Q16" s="1061"/>
      <c r="R16" s="1061"/>
      <c r="S16" s="1061"/>
      <c r="T16" s="1061"/>
      <c r="U16" s="1061"/>
      <c r="V16" s="1061"/>
      <c r="W16" s="1061"/>
      <c r="X16" s="1061"/>
      <c r="Y16" s="1061"/>
      <c r="Z16" s="1061"/>
      <c r="AA16" s="1061"/>
      <c r="AB16" s="1061"/>
      <c r="AC16" s="1061"/>
      <c r="AD16" s="1061"/>
      <c r="AE16" s="1061"/>
    </row>
    <row r="17" spans="1:31" ht="20.100000000000001" customHeight="1">
      <c r="A17" s="1061"/>
      <c r="B17" s="1061"/>
      <c r="C17" s="1061"/>
      <c r="D17" s="1061"/>
      <c r="E17" s="1061"/>
      <c r="F17" s="1061"/>
      <c r="G17" s="1061"/>
      <c r="H17" s="1061"/>
      <c r="I17" s="1061"/>
      <c r="J17" s="1061"/>
      <c r="K17" s="1061"/>
      <c r="L17" s="1061"/>
      <c r="M17" s="1061"/>
      <c r="N17" s="1061"/>
      <c r="O17" s="1061"/>
      <c r="P17" s="1061"/>
      <c r="Q17" s="1061"/>
      <c r="R17" s="1061"/>
      <c r="S17" s="1061"/>
      <c r="T17" s="1061"/>
      <c r="U17" s="1061"/>
      <c r="V17" s="1061"/>
      <c r="W17" s="1061"/>
      <c r="X17" s="1061"/>
      <c r="Y17" s="1061"/>
      <c r="Z17" s="1061"/>
      <c r="AA17" s="1061"/>
      <c r="AB17" s="1061"/>
      <c r="AC17" s="1061"/>
      <c r="AD17" s="1061"/>
      <c r="AE17" s="1061"/>
    </row>
    <row r="18" spans="1:31" ht="20.100000000000001" customHeight="1">
      <c r="A18" s="296"/>
      <c r="B18" s="296"/>
      <c r="C18" s="296"/>
      <c r="D18" s="296"/>
      <c r="E18" s="296"/>
      <c r="F18" s="296"/>
      <c r="G18" s="296"/>
      <c r="H18" s="296"/>
      <c r="I18" s="296"/>
      <c r="J18" s="296"/>
      <c r="K18" s="296"/>
      <c r="L18" s="296"/>
      <c r="M18" s="296"/>
      <c r="N18" s="296"/>
      <c r="O18" s="296"/>
      <c r="P18" s="296"/>
      <c r="Q18" s="296"/>
      <c r="R18" s="296"/>
      <c r="S18" s="296"/>
      <c r="T18" s="296"/>
      <c r="U18" s="296"/>
      <c r="V18" s="296"/>
      <c r="W18" s="296"/>
      <c r="X18" s="296"/>
      <c r="Y18" s="296"/>
      <c r="Z18" s="296"/>
      <c r="AA18" s="296"/>
      <c r="AB18" s="296"/>
      <c r="AC18" s="296"/>
      <c r="AD18" s="296"/>
      <c r="AE18" s="296"/>
    </row>
    <row r="19" spans="1:31" ht="20.100000000000001" customHeight="1">
      <c r="A19" s="297"/>
      <c r="B19" s="297" t="s">
        <v>206</v>
      </c>
      <c r="C19" s="297"/>
      <c r="D19" s="297"/>
      <c r="E19" s="297"/>
      <c r="F19" s="297"/>
      <c r="G19" s="297"/>
      <c r="H19" s="297"/>
      <c r="I19" s="297"/>
      <c r="J19" s="297"/>
      <c r="K19" s="297"/>
      <c r="L19" s="297"/>
      <c r="M19" s="297"/>
      <c r="N19" s="297"/>
      <c r="O19" s="297"/>
      <c r="P19" s="297"/>
      <c r="Q19" s="297"/>
      <c r="R19" s="297"/>
      <c r="S19" s="297"/>
      <c r="T19" s="297"/>
      <c r="U19" s="297"/>
      <c r="V19" s="297"/>
      <c r="W19" s="297"/>
      <c r="X19" s="297"/>
      <c r="Y19" s="297"/>
      <c r="Z19" s="297"/>
      <c r="AA19" s="297"/>
      <c r="AB19" s="297"/>
      <c r="AC19" s="297"/>
      <c r="AD19" s="297"/>
      <c r="AE19" s="297"/>
    </row>
    <row r="20" spans="1:31" ht="20.100000000000001" customHeight="1">
      <c r="A20" s="294" t="s">
        <v>7</v>
      </c>
      <c r="B20" s="294" t="s">
        <v>23</v>
      </c>
      <c r="C20" s="294"/>
      <c r="D20" s="294"/>
      <c r="E20" s="294"/>
      <c r="F20" s="294"/>
      <c r="G20" s="294"/>
      <c r="H20" s="294"/>
      <c r="I20" s="294"/>
      <c r="J20" s="294"/>
      <c r="K20" s="294"/>
      <c r="L20" s="294"/>
      <c r="M20" s="294"/>
      <c r="N20" s="294"/>
      <c r="O20" s="294"/>
      <c r="P20" s="294"/>
      <c r="Q20" s="294"/>
      <c r="R20" s="294"/>
      <c r="S20" s="294"/>
      <c r="T20" s="294"/>
      <c r="U20" s="294"/>
      <c r="V20" s="294"/>
      <c r="W20" s="294"/>
      <c r="X20" s="294"/>
      <c r="Y20" s="294"/>
      <c r="Z20" s="294"/>
      <c r="AA20" s="294"/>
      <c r="AB20" s="294"/>
      <c r="AC20" s="294"/>
      <c r="AD20" s="294"/>
      <c r="AE20" s="294"/>
    </row>
    <row r="21" spans="1:31" ht="20.100000000000001" customHeight="1">
      <c r="A21" s="294"/>
      <c r="B21" s="294"/>
      <c r="C21" s="294"/>
      <c r="D21" s="294"/>
      <c r="E21" s="294"/>
      <c r="F21" s="294"/>
      <c r="G21" s="294"/>
      <c r="H21" s="294"/>
      <c r="I21" s="294"/>
      <c r="J21" s="294"/>
      <c r="K21" s="294"/>
      <c r="L21" s="294"/>
      <c r="M21" s="294"/>
      <c r="N21" s="294"/>
      <c r="O21" s="294"/>
      <c r="P21" s="294"/>
      <c r="Q21" s="294"/>
      <c r="R21" s="294"/>
      <c r="S21" s="294"/>
      <c r="T21" s="294"/>
      <c r="U21" s="294"/>
      <c r="V21" s="294"/>
      <c r="W21" s="294"/>
      <c r="X21" s="294"/>
      <c r="Y21" s="294"/>
      <c r="Z21" s="294"/>
      <c r="AA21" s="294"/>
      <c r="AB21" s="294"/>
      <c r="AC21" s="294"/>
      <c r="AD21" s="294"/>
      <c r="AE21" s="294"/>
    </row>
    <row r="22" spans="1:31" ht="20.100000000000001" customHeight="1">
      <c r="A22" s="294"/>
      <c r="B22" s="294"/>
      <c r="C22" s="294"/>
      <c r="D22" s="294"/>
      <c r="E22" s="294"/>
      <c r="F22" s="294"/>
      <c r="G22" s="294"/>
      <c r="H22" s="294"/>
      <c r="I22" s="294"/>
      <c r="J22" s="294"/>
      <c r="K22" s="294"/>
      <c r="L22" s="294"/>
      <c r="M22" s="294"/>
      <c r="N22" s="294"/>
      <c r="O22" s="294"/>
      <c r="P22" s="294"/>
      <c r="Q22" s="294"/>
      <c r="R22" s="294"/>
      <c r="S22" s="294"/>
      <c r="T22" s="294"/>
      <c r="U22" s="294"/>
      <c r="V22" s="294"/>
      <c r="W22" s="294"/>
      <c r="X22" s="294"/>
      <c r="Y22" s="294"/>
      <c r="Z22" s="294"/>
      <c r="AA22" s="294"/>
      <c r="AB22" s="294"/>
      <c r="AC22" s="294"/>
      <c r="AD22" s="294"/>
      <c r="AE22" s="294"/>
    </row>
    <row r="23" spans="1:31" ht="40.15" customHeight="1">
      <c r="A23" s="294"/>
      <c r="B23" s="294" t="s">
        <v>28</v>
      </c>
      <c r="C23" s="294"/>
      <c r="D23" s="294"/>
      <c r="E23" s="294"/>
      <c r="F23" s="294"/>
      <c r="G23" s="294"/>
      <c r="H23" s="294"/>
      <c r="I23" s="294"/>
      <c r="J23" s="294"/>
      <c r="K23" s="294"/>
      <c r="L23" s="294"/>
      <c r="M23" s="294" t="s">
        <v>8</v>
      </c>
      <c r="N23" s="1050">
        <f>経費所要額調!$N$18</f>
        <v>0</v>
      </c>
      <c r="O23" s="1051"/>
      <c r="P23" s="1051"/>
      <c r="Q23" s="1051"/>
      <c r="R23" s="1051"/>
      <c r="S23" s="1051"/>
      <c r="T23" s="1051"/>
      <c r="U23" s="1051"/>
      <c r="V23" s="1051"/>
      <c r="W23" s="1051"/>
      <c r="X23" s="1051"/>
      <c r="Y23" s="294" t="s">
        <v>1</v>
      </c>
      <c r="Z23" s="294"/>
      <c r="AA23" s="294"/>
      <c r="AB23" s="294"/>
      <c r="AC23" s="294"/>
      <c r="AD23" s="294"/>
      <c r="AE23" s="294"/>
    </row>
    <row r="24" spans="1:31" ht="20.100000000000001" customHeight="1">
      <c r="A24" s="294"/>
      <c r="B24" s="294"/>
      <c r="C24" s="294"/>
      <c r="D24" s="294"/>
      <c r="E24" s="294"/>
      <c r="F24" s="294"/>
      <c r="G24" s="294"/>
      <c r="H24" s="294"/>
      <c r="I24" s="294"/>
      <c r="J24" s="294"/>
      <c r="K24" s="294"/>
      <c r="L24" s="294"/>
      <c r="M24" s="294"/>
      <c r="N24" s="294"/>
      <c r="O24" s="294"/>
      <c r="P24" s="294"/>
      <c r="Q24" s="294"/>
      <c r="R24" s="294"/>
      <c r="S24" s="294"/>
      <c r="T24" s="294"/>
      <c r="U24" s="294"/>
      <c r="V24" s="294"/>
      <c r="W24" s="294"/>
      <c r="X24" s="294"/>
      <c r="Y24" s="294"/>
      <c r="Z24" s="294"/>
      <c r="AA24" s="294"/>
      <c r="AB24" s="294"/>
      <c r="AC24" s="294"/>
      <c r="AD24" s="294"/>
      <c r="AE24" s="294"/>
    </row>
    <row r="25" spans="1:31" ht="27" customHeight="1">
      <c r="A25" s="294"/>
      <c r="B25" s="294" t="s">
        <v>24</v>
      </c>
      <c r="C25" s="294"/>
      <c r="D25" s="294"/>
      <c r="E25" s="294"/>
      <c r="F25" s="294"/>
      <c r="G25" s="294"/>
      <c r="H25" s="294"/>
      <c r="I25" s="294"/>
      <c r="J25" s="294"/>
      <c r="K25" s="294"/>
      <c r="L25" s="294"/>
      <c r="M25" s="1063">
        <f>基礎情報!$D$9</f>
        <v>0</v>
      </c>
      <c r="N25" s="1063"/>
      <c r="O25" s="1063"/>
      <c r="P25" s="1063"/>
      <c r="Q25" s="1063"/>
      <c r="R25" s="1063"/>
      <c r="S25" s="1063"/>
      <c r="T25" s="1063"/>
      <c r="U25" s="1063"/>
      <c r="V25" s="1063"/>
      <c r="W25" s="1063"/>
      <c r="X25" s="1063"/>
      <c r="Y25" s="1063"/>
      <c r="Z25" s="1063"/>
      <c r="AA25" s="1063"/>
      <c r="AB25" s="1063"/>
      <c r="AC25" s="1063"/>
      <c r="AD25" s="294"/>
      <c r="AE25" s="294"/>
    </row>
    <row r="26" spans="1:31" ht="20.100000000000001" customHeight="1">
      <c r="A26" s="294"/>
      <c r="B26" s="294"/>
      <c r="C26" s="294"/>
      <c r="D26" s="294"/>
      <c r="E26" s="294"/>
      <c r="F26" s="294"/>
      <c r="G26" s="294"/>
      <c r="H26" s="294"/>
      <c r="I26" s="294"/>
      <c r="J26" s="294"/>
      <c r="K26" s="294"/>
      <c r="L26" s="294"/>
      <c r="M26" s="294"/>
      <c r="N26" s="294"/>
      <c r="O26" s="294"/>
      <c r="P26" s="294"/>
      <c r="Q26" s="294"/>
      <c r="R26" s="294"/>
      <c r="S26" s="294"/>
      <c r="T26" s="294"/>
      <c r="U26" s="294"/>
      <c r="V26" s="294"/>
      <c r="W26" s="294"/>
      <c r="X26" s="294"/>
      <c r="Y26" s="294"/>
      <c r="Z26" s="294"/>
      <c r="AA26" s="294"/>
      <c r="AB26" s="294"/>
      <c r="AC26" s="294"/>
      <c r="AD26" s="294"/>
      <c r="AE26" s="294"/>
    </row>
    <row r="27" spans="1:31" ht="31.9" customHeight="1">
      <c r="A27" s="294"/>
      <c r="B27" s="294" t="s">
        <v>25</v>
      </c>
      <c r="C27" s="294"/>
      <c r="D27" s="294"/>
      <c r="E27" s="294"/>
      <c r="F27" s="294"/>
      <c r="G27" s="294"/>
      <c r="H27" s="294"/>
      <c r="I27" s="294"/>
      <c r="J27" s="294"/>
      <c r="K27" s="294"/>
      <c r="L27" s="294"/>
      <c r="M27" s="1048" t="s">
        <v>131</v>
      </c>
      <c r="N27" s="1049"/>
      <c r="O27" s="1049"/>
      <c r="P27" s="1049"/>
      <c r="Q27" s="1049"/>
      <c r="R27" s="1049"/>
      <c r="S27" s="1049"/>
      <c r="T27" s="1049"/>
      <c r="U27" s="1049"/>
      <c r="V27" s="1049"/>
      <c r="W27" s="1049"/>
      <c r="X27" s="1049"/>
      <c r="Y27" s="1049"/>
      <c r="Z27" s="294"/>
      <c r="AA27" s="294"/>
      <c r="AB27" s="294"/>
      <c r="AC27" s="294"/>
      <c r="AD27" s="294"/>
      <c r="AE27" s="294"/>
    </row>
    <row r="28" spans="1:31" ht="20.100000000000001" customHeight="1">
      <c r="A28" s="294"/>
      <c r="B28" s="294"/>
      <c r="C28" s="294"/>
      <c r="D28" s="294"/>
      <c r="E28" s="294"/>
      <c r="F28" s="294"/>
      <c r="G28" s="294"/>
      <c r="H28" s="294"/>
      <c r="I28" s="294"/>
      <c r="J28" s="294"/>
      <c r="K28" s="294"/>
      <c r="L28" s="294"/>
      <c r="M28" s="294"/>
      <c r="N28" s="294"/>
      <c r="O28" s="294"/>
      <c r="P28" s="294"/>
      <c r="Q28" s="294"/>
      <c r="R28" s="294"/>
      <c r="S28" s="294"/>
      <c r="T28" s="294"/>
      <c r="U28" s="294"/>
      <c r="V28" s="294"/>
      <c r="W28" s="294"/>
      <c r="X28" s="294"/>
      <c r="Y28" s="294"/>
      <c r="Z28" s="294"/>
      <c r="AA28" s="294"/>
      <c r="AB28" s="294"/>
      <c r="AC28" s="294"/>
      <c r="AD28" s="294"/>
      <c r="AE28" s="294"/>
    </row>
    <row r="29" spans="1:31" ht="20.100000000000001" customHeight="1">
      <c r="A29" s="294"/>
      <c r="B29" s="294" t="s">
        <v>26</v>
      </c>
      <c r="C29" s="294"/>
      <c r="D29" s="294"/>
      <c r="E29" s="294"/>
      <c r="F29" s="294"/>
      <c r="G29" s="294"/>
      <c r="H29" s="294"/>
      <c r="I29" s="294"/>
      <c r="J29" s="294"/>
      <c r="K29" s="294"/>
      <c r="L29" s="294"/>
      <c r="M29" s="294"/>
      <c r="N29" s="294"/>
      <c r="O29" s="294"/>
      <c r="P29" s="294"/>
      <c r="Q29" s="294" t="s">
        <v>274</v>
      </c>
      <c r="R29" s="294"/>
      <c r="S29" s="294"/>
      <c r="T29" s="294"/>
      <c r="U29" s="294"/>
      <c r="V29" s="294"/>
      <c r="W29" s="294"/>
      <c r="X29" s="294"/>
      <c r="Y29" s="294"/>
      <c r="Z29" s="294"/>
      <c r="AA29" s="294"/>
      <c r="AB29" s="294"/>
      <c r="AC29" s="294"/>
      <c r="AD29" s="294"/>
      <c r="AE29" s="294"/>
    </row>
    <row r="30" spans="1:31" ht="20.100000000000001" customHeight="1">
      <c r="A30" s="294"/>
      <c r="B30" s="294"/>
      <c r="C30" s="294"/>
      <c r="D30" s="294"/>
      <c r="E30" s="294"/>
      <c r="F30" s="294"/>
      <c r="G30" s="294"/>
      <c r="H30" s="294"/>
      <c r="I30" s="294"/>
      <c r="J30" s="294"/>
      <c r="K30" s="294"/>
      <c r="L30" s="294"/>
      <c r="M30" s="294"/>
      <c r="N30" s="294"/>
      <c r="O30" s="294"/>
      <c r="P30" s="294"/>
      <c r="Q30" s="294"/>
      <c r="R30" s="294"/>
      <c r="S30" s="294"/>
      <c r="T30" s="294"/>
      <c r="U30" s="294"/>
      <c r="V30" s="294"/>
      <c r="W30" s="294"/>
      <c r="X30" s="294"/>
      <c r="Y30" s="294"/>
      <c r="Z30" s="294"/>
      <c r="AA30" s="294"/>
      <c r="AB30" s="294"/>
      <c r="AC30" s="294"/>
      <c r="AD30" s="294"/>
      <c r="AE30" s="294"/>
    </row>
    <row r="31" spans="1:31" ht="20.100000000000001" customHeight="1">
      <c r="A31" s="294"/>
      <c r="B31" s="294" t="s">
        <v>27</v>
      </c>
      <c r="C31" s="294"/>
      <c r="D31" s="294"/>
      <c r="E31" s="294"/>
      <c r="F31" s="294"/>
      <c r="G31" s="294"/>
      <c r="H31" s="294"/>
      <c r="I31" s="294"/>
      <c r="J31" s="294"/>
      <c r="K31" s="294"/>
      <c r="L31" s="294"/>
      <c r="M31" s="294"/>
      <c r="N31" s="294"/>
      <c r="O31" s="294"/>
      <c r="P31" s="294"/>
      <c r="Q31" s="294" t="s">
        <v>275</v>
      </c>
      <c r="R31" s="294"/>
      <c r="S31" s="294"/>
      <c r="T31" s="294"/>
      <c r="U31" s="294"/>
      <c r="V31" s="294"/>
      <c r="W31" s="294"/>
      <c r="X31" s="294"/>
      <c r="Y31" s="294"/>
      <c r="Z31" s="294"/>
      <c r="AA31" s="294"/>
      <c r="AB31" s="294"/>
      <c r="AC31" s="294"/>
      <c r="AD31" s="294"/>
      <c r="AE31" s="294"/>
    </row>
    <row r="32" spans="1:31" ht="20.100000000000001" customHeight="1">
      <c r="A32" s="294"/>
      <c r="B32" s="294"/>
      <c r="C32" s="294"/>
      <c r="D32" s="294"/>
      <c r="E32" s="294"/>
      <c r="F32" s="294"/>
      <c r="G32" s="294"/>
      <c r="H32" s="294"/>
      <c r="I32" s="294"/>
      <c r="J32" s="294"/>
      <c r="K32" s="294"/>
      <c r="L32" s="294"/>
      <c r="M32" s="294"/>
      <c r="N32" s="294"/>
      <c r="O32" s="294"/>
      <c r="P32" s="294"/>
      <c r="Q32" s="294"/>
      <c r="R32" s="294"/>
      <c r="S32" s="294"/>
      <c r="T32" s="294"/>
      <c r="U32" s="294"/>
      <c r="V32" s="294"/>
      <c r="W32" s="294"/>
      <c r="X32" s="294"/>
      <c r="Y32" s="294"/>
      <c r="Z32" s="294"/>
      <c r="AA32" s="294"/>
      <c r="AB32" s="294"/>
      <c r="AC32" s="294"/>
      <c r="AD32" s="294"/>
      <c r="AE32" s="294"/>
    </row>
    <row r="33" spans="1:31" ht="20.100000000000001" customHeight="1">
      <c r="A33" s="294"/>
      <c r="B33" s="298" t="s">
        <v>273</v>
      </c>
      <c r="C33" s="294"/>
      <c r="D33" s="294"/>
      <c r="E33" s="294"/>
      <c r="F33" s="294"/>
      <c r="G33" s="294"/>
      <c r="H33" s="294"/>
      <c r="I33" s="294"/>
      <c r="J33" s="294"/>
      <c r="K33" s="294"/>
      <c r="L33" s="294"/>
      <c r="M33" s="294"/>
      <c r="N33" s="294"/>
      <c r="O33" s="294"/>
      <c r="P33" s="294"/>
      <c r="Q33" s="298" t="s">
        <v>47</v>
      </c>
      <c r="R33" s="294"/>
      <c r="S33" s="294"/>
      <c r="T33" s="294"/>
      <c r="U33" s="294"/>
      <c r="V33" s="294"/>
      <c r="W33" s="294"/>
      <c r="X33" s="294"/>
      <c r="Y33" s="294"/>
      <c r="Z33" s="294"/>
      <c r="AA33" s="294"/>
      <c r="AB33" s="294"/>
      <c r="AC33" s="294"/>
      <c r="AD33" s="294"/>
      <c r="AE33" s="294"/>
    </row>
    <row r="34" spans="1:31" ht="20.100000000000001" customHeight="1">
      <c r="A34" s="294"/>
      <c r="B34" s="294"/>
      <c r="C34" s="294"/>
      <c r="D34" s="294"/>
      <c r="E34" s="294"/>
      <c r="F34" s="294"/>
      <c r="G34" s="294"/>
      <c r="H34" s="294"/>
      <c r="I34" s="294"/>
      <c r="J34" s="294"/>
      <c r="K34" s="294"/>
      <c r="L34" s="294"/>
      <c r="M34" s="294"/>
      <c r="N34" s="294"/>
      <c r="O34" s="294"/>
      <c r="P34" s="294"/>
      <c r="Q34" s="294"/>
      <c r="R34" s="294"/>
      <c r="S34" s="294"/>
      <c r="T34" s="294"/>
      <c r="U34" s="294"/>
      <c r="V34" s="294"/>
      <c r="W34" s="294"/>
      <c r="X34" s="294"/>
      <c r="Y34" s="294"/>
      <c r="Z34" s="294"/>
      <c r="AA34" s="294"/>
      <c r="AB34" s="294"/>
      <c r="AC34" s="294"/>
      <c r="AD34" s="294"/>
      <c r="AE34" s="294"/>
    </row>
    <row r="35" spans="1:31" ht="20.100000000000001" customHeight="1">
      <c r="A35" s="294"/>
      <c r="B35" s="294"/>
      <c r="C35" s="294"/>
      <c r="D35" s="294"/>
      <c r="E35" s="294"/>
      <c r="F35" s="294"/>
      <c r="G35" s="294"/>
      <c r="H35" s="294"/>
      <c r="I35" s="294"/>
      <c r="J35" s="294"/>
      <c r="K35" s="294"/>
      <c r="L35" s="294"/>
      <c r="M35" s="294"/>
      <c r="N35" s="294"/>
      <c r="O35" s="294"/>
      <c r="P35" s="294"/>
      <c r="Q35" s="294"/>
      <c r="R35" s="294"/>
      <c r="S35" s="294"/>
      <c r="T35" s="294"/>
      <c r="U35" s="294"/>
      <c r="V35" s="294"/>
      <c r="W35" s="294"/>
      <c r="X35" s="294"/>
      <c r="Y35" s="294"/>
      <c r="Z35" s="294"/>
      <c r="AA35" s="294"/>
      <c r="AB35" s="294"/>
      <c r="AC35" s="294"/>
      <c r="AD35" s="294"/>
      <c r="AE35" s="294"/>
    </row>
    <row r="36" spans="1:31" ht="20.100000000000001" customHeight="1">
      <c r="A36" s="294"/>
      <c r="B36" s="298" t="s">
        <v>132</v>
      </c>
      <c r="C36" s="294"/>
      <c r="D36" s="294"/>
      <c r="E36" s="294"/>
      <c r="F36" s="294"/>
      <c r="G36" s="294"/>
      <c r="H36" s="294"/>
      <c r="I36" s="294"/>
      <c r="J36" s="294"/>
      <c r="K36" s="294"/>
      <c r="L36" s="294"/>
      <c r="M36" s="294"/>
      <c r="N36" s="294"/>
      <c r="O36" s="294"/>
      <c r="P36" s="294"/>
      <c r="Q36" s="294"/>
      <c r="R36" s="294"/>
      <c r="S36" s="294"/>
      <c r="T36" s="294"/>
      <c r="U36" s="294"/>
      <c r="V36" s="294"/>
      <c r="W36" s="294"/>
      <c r="X36" s="294"/>
      <c r="Y36" s="294"/>
      <c r="Z36" s="294"/>
      <c r="AA36" s="294"/>
      <c r="AB36" s="294"/>
      <c r="AC36" s="294"/>
      <c r="AD36" s="294"/>
      <c r="AE36" s="294"/>
    </row>
    <row r="37" spans="1:31" ht="20.100000000000001" customHeight="1">
      <c r="A37" s="294"/>
      <c r="B37" s="294"/>
      <c r="C37" s="299" t="s">
        <v>280</v>
      </c>
      <c r="D37" s="299"/>
      <c r="E37" s="300"/>
      <c r="F37" s="300"/>
      <c r="G37" s="300"/>
      <c r="H37" s="300"/>
      <c r="I37" s="300"/>
      <c r="J37" s="300"/>
      <c r="K37" s="300"/>
      <c r="L37" s="300"/>
      <c r="M37" s="300"/>
      <c r="N37" s="300"/>
      <c r="O37" s="300"/>
      <c r="P37" s="300"/>
      <c r="Q37" s="300"/>
      <c r="R37" s="300"/>
      <c r="S37" s="300"/>
      <c r="T37" s="300"/>
      <c r="U37" s="300"/>
      <c r="V37" s="300"/>
      <c r="W37" s="300"/>
      <c r="X37" s="300"/>
      <c r="Y37" s="300"/>
      <c r="Z37" s="300"/>
      <c r="AA37" s="300"/>
      <c r="AB37" s="300"/>
      <c r="AC37" s="300"/>
      <c r="AD37" s="300"/>
      <c r="AE37" s="300"/>
    </row>
    <row r="38" spans="1:31" ht="20.65" customHeight="1">
      <c r="A38" s="294"/>
      <c r="B38" s="294"/>
      <c r="C38" s="299" t="s">
        <v>281</v>
      </c>
      <c r="D38" s="299"/>
      <c r="E38" s="300"/>
      <c r="F38" s="301"/>
      <c r="G38" s="301"/>
      <c r="H38" s="301"/>
      <c r="I38" s="301"/>
      <c r="J38" s="301"/>
      <c r="K38" s="301"/>
      <c r="L38" s="301"/>
      <c r="M38" s="301"/>
      <c r="N38" s="301"/>
      <c r="O38" s="301"/>
      <c r="P38" s="301"/>
      <c r="Q38" s="301"/>
      <c r="R38" s="301"/>
      <c r="S38" s="301"/>
      <c r="T38" s="301"/>
      <c r="U38" s="301"/>
      <c r="V38" s="301"/>
      <c r="W38" s="301"/>
      <c r="X38" s="301"/>
      <c r="Y38" s="301"/>
      <c r="Z38" s="302"/>
      <c r="AA38" s="302"/>
      <c r="AB38" s="302"/>
      <c r="AC38" s="302"/>
      <c r="AD38" s="302"/>
      <c r="AE38" s="300"/>
    </row>
    <row r="39" spans="1:31" ht="20.65" customHeight="1">
      <c r="A39" s="294"/>
      <c r="B39" s="294"/>
      <c r="C39" s="299" t="s">
        <v>282</v>
      </c>
      <c r="D39" s="299"/>
      <c r="E39" s="300"/>
      <c r="F39" s="301"/>
      <c r="G39" s="301"/>
      <c r="H39" s="301"/>
      <c r="I39" s="301"/>
      <c r="J39" s="301"/>
      <c r="K39" s="301"/>
      <c r="L39" s="301"/>
      <c r="M39" s="301"/>
      <c r="N39" s="301"/>
      <c r="O39" s="301"/>
      <c r="P39" s="301"/>
      <c r="Q39" s="301"/>
      <c r="R39" s="301"/>
      <c r="S39" s="301"/>
      <c r="T39" s="301"/>
      <c r="U39" s="301"/>
      <c r="V39" s="301"/>
      <c r="W39" s="301"/>
      <c r="X39" s="301"/>
      <c r="Y39" s="301"/>
      <c r="Z39" s="302"/>
      <c r="AA39" s="302"/>
      <c r="AB39" s="302"/>
      <c r="AC39" s="302"/>
      <c r="AD39" s="302"/>
      <c r="AE39" s="300"/>
    </row>
    <row r="40" spans="1:31" s="303" customFormat="1" ht="20.65" customHeight="1">
      <c r="A40" s="298"/>
      <c r="B40" s="298"/>
      <c r="C40" s="298"/>
      <c r="D40" s="298"/>
      <c r="E40" s="298"/>
      <c r="F40" s="298"/>
      <c r="G40" s="298"/>
      <c r="H40" s="298"/>
      <c r="I40" s="298"/>
      <c r="J40" s="298"/>
      <c r="K40" s="298"/>
      <c r="L40" s="298"/>
      <c r="M40" s="298"/>
      <c r="N40" s="298"/>
      <c r="O40" s="298"/>
      <c r="P40" s="298"/>
      <c r="Q40" s="298"/>
      <c r="R40" s="298"/>
      <c r="S40" s="298"/>
      <c r="T40" s="298"/>
      <c r="U40" s="298"/>
      <c r="V40" s="298"/>
      <c r="W40" s="298"/>
      <c r="X40" s="298"/>
      <c r="Y40" s="298"/>
    </row>
    <row r="41" spans="1:31" ht="20.65" customHeight="1"/>
    <row r="42" spans="1:31" ht="20.65" customHeight="1"/>
    <row r="43" spans="1:31" ht="20.65" customHeight="1"/>
    <row r="44" spans="1:31" ht="20.65" customHeight="1"/>
    <row r="45" spans="1:31" ht="20.65" customHeight="1"/>
  </sheetData>
  <sheetProtection algorithmName="SHA-512" hashValue="JFauaHubwykZqQTZxKioF7nEC7bUNxskT+OCfP2odkV34pN8YGUuqvTVsCpiB0/CIPg5kA165itLy5nAXDH8Bw==" saltValue="VVMf2p7UVk+hEaMb8Dt1Dw==" spinCount="100000" sheet="1" objects="1" scenarios="1"/>
  <customSheetViews>
    <customSheetView guid="{75F8A93C-F5BA-4FE5-85C6-88804E4D71E6}" showPageBreaks="1" fitToPage="1" printArea="1" view="pageBreakPreview">
      <selection activeCell="L11" sqref="L11:M11"/>
      <pageMargins left="0.7" right="0.7" top="0.75" bottom="0.75" header="0.3" footer="0.3"/>
      <pageSetup paperSize="9" scale="83" orientation="portrait" r:id="rId1"/>
    </customSheetView>
  </customSheetViews>
  <mergeCells count="15">
    <mergeCell ref="M27:Y27"/>
    <mergeCell ref="N23:X23"/>
    <mergeCell ref="A1:R1"/>
    <mergeCell ref="W2:AE3"/>
    <mergeCell ref="A4:H5"/>
    <mergeCell ref="N6:R7"/>
    <mergeCell ref="S6:AE7"/>
    <mergeCell ref="N8:R9"/>
    <mergeCell ref="S8:AE9"/>
    <mergeCell ref="N10:R11"/>
    <mergeCell ref="S10:AE11"/>
    <mergeCell ref="A14:AE17"/>
    <mergeCell ref="S12:AE12"/>
    <mergeCell ref="S13:AE13"/>
    <mergeCell ref="M25:AC25"/>
  </mergeCells>
  <phoneticPr fontId="2"/>
  <printOptions horizontalCentered="1"/>
  <pageMargins left="0.70866141732283472" right="0.70866141732283472" top="0.74803149606299213" bottom="0.74803149606299213" header="0.31496062992125984" footer="0.31496062992125984"/>
  <pageSetup paperSize="9" scale="80" orientation="portrait" r:id="rId2"/>
  <drawing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Q24"/>
  <sheetViews>
    <sheetView showZeros="0" view="pageBreakPreview" zoomScale="70" zoomScaleNormal="70" zoomScaleSheetLayoutView="70" workbookViewId="0">
      <selection activeCell="P18" sqref="P18"/>
    </sheetView>
  </sheetViews>
  <sheetFormatPr defaultColWidth="8.75" defaultRowHeight="13.5"/>
  <cols>
    <col min="1" max="3" width="23.25" style="37" customWidth="1"/>
    <col min="4" max="4" width="13.75" style="37" customWidth="1"/>
    <col min="5" max="5" width="14.25" style="37" customWidth="1"/>
    <col min="6" max="6" width="16.625" style="37" customWidth="1"/>
    <col min="7" max="7" width="14.5" style="37" customWidth="1"/>
    <col min="8" max="8" width="15.125" style="37" customWidth="1"/>
    <col min="9" max="9" width="13.25" style="37" bestFit="1" customWidth="1"/>
    <col min="10" max="10" width="13.75" style="37" customWidth="1"/>
    <col min="11" max="11" width="14.125" style="37" customWidth="1"/>
    <col min="12" max="12" width="16.75" style="37" customWidth="1"/>
    <col min="13" max="13" width="17.25" style="37" customWidth="1"/>
    <col min="14" max="14" width="15.75" style="37" customWidth="1"/>
    <col min="15" max="15" width="8.75" style="37"/>
    <col min="16" max="17" width="13.75" style="37" customWidth="1"/>
    <col min="18" max="16384" width="8.75" style="37"/>
  </cols>
  <sheetData>
    <row r="1" spans="1:17" ht="21" customHeight="1">
      <c r="A1" s="36" t="s">
        <v>276</v>
      </c>
      <c r="B1" s="36"/>
      <c r="C1" s="36"/>
    </row>
    <row r="2" spans="1:17" ht="20.25" customHeight="1"/>
    <row r="3" spans="1:17" ht="21">
      <c r="A3" s="1075" t="s">
        <v>133</v>
      </c>
      <c r="B3" s="1075"/>
      <c r="C3" s="1075"/>
      <c r="D3" s="1075"/>
      <c r="E3" s="1075"/>
      <c r="F3" s="1075"/>
      <c r="G3" s="1075"/>
      <c r="H3" s="1075"/>
      <c r="I3" s="1075"/>
      <c r="J3" s="1075"/>
      <c r="K3" s="1075"/>
      <c r="L3" s="1075"/>
      <c r="M3" s="1075"/>
      <c r="N3" s="38"/>
    </row>
    <row r="4" spans="1:17" ht="21">
      <c r="A4" s="39"/>
      <c r="B4" s="39"/>
      <c r="C4" s="39"/>
      <c r="D4" s="39"/>
      <c r="E4" s="39"/>
      <c r="F4" s="39"/>
      <c r="G4" s="39"/>
      <c r="H4" s="39"/>
      <c r="I4" s="39"/>
      <c r="J4" s="39"/>
      <c r="K4" s="39"/>
      <c r="L4" s="39"/>
      <c r="M4" s="39"/>
      <c r="N4" s="38"/>
    </row>
    <row r="5" spans="1:17" ht="27" customHeight="1">
      <c r="A5" s="39"/>
      <c r="B5" s="39"/>
      <c r="C5" s="39"/>
      <c r="D5" s="39"/>
      <c r="E5" s="39"/>
      <c r="F5" s="39"/>
      <c r="G5" s="39"/>
      <c r="I5" s="66" t="s">
        <v>134</v>
      </c>
      <c r="J5" s="66"/>
      <c r="K5" s="1072">
        <f>基礎情報!$D$6</f>
        <v>0</v>
      </c>
      <c r="L5" s="1072"/>
      <c r="M5" s="1072"/>
      <c r="N5" s="1072"/>
    </row>
    <row r="6" spans="1:17" ht="33" customHeight="1" thickBot="1">
      <c r="A6" s="40"/>
      <c r="B6" s="40"/>
      <c r="C6" s="40"/>
      <c r="D6" s="41"/>
      <c r="E6" s="41"/>
      <c r="F6" s="41"/>
      <c r="G6" s="41"/>
      <c r="H6" s="41"/>
      <c r="I6" s="41"/>
      <c r="J6" s="41"/>
      <c r="K6" s="41"/>
      <c r="L6" s="41"/>
      <c r="N6" s="42" t="s">
        <v>135</v>
      </c>
    </row>
    <row r="7" spans="1:17" ht="17.649999999999999" customHeight="1">
      <c r="A7" s="1076" t="s">
        <v>136</v>
      </c>
      <c r="B7" s="1079" t="s">
        <v>164</v>
      </c>
      <c r="C7" s="1079" t="s">
        <v>137</v>
      </c>
      <c r="D7" s="43" t="s">
        <v>138</v>
      </c>
      <c r="E7" s="43" t="s">
        <v>139</v>
      </c>
      <c r="F7" s="44" t="s">
        <v>140</v>
      </c>
      <c r="G7" s="45" t="s">
        <v>141</v>
      </c>
      <c r="H7" s="46" t="s">
        <v>142</v>
      </c>
      <c r="I7" s="43" t="s">
        <v>143</v>
      </c>
      <c r="J7" s="43" t="s">
        <v>144</v>
      </c>
      <c r="K7" s="43" t="s">
        <v>145</v>
      </c>
      <c r="L7" s="47" t="s">
        <v>146</v>
      </c>
      <c r="M7" s="47" t="s">
        <v>147</v>
      </c>
      <c r="N7" s="48" t="s">
        <v>283</v>
      </c>
      <c r="O7" s="49"/>
    </row>
    <row r="8" spans="1:17" ht="27" customHeight="1">
      <c r="A8" s="1077"/>
      <c r="B8" s="1080"/>
      <c r="C8" s="1080"/>
      <c r="D8" s="1080" t="s">
        <v>148</v>
      </c>
      <c r="E8" s="1082" t="s">
        <v>149</v>
      </c>
      <c r="F8" s="1080" t="s">
        <v>150</v>
      </c>
      <c r="G8" s="1084" t="s">
        <v>151</v>
      </c>
      <c r="H8" s="1084" t="s">
        <v>152</v>
      </c>
      <c r="I8" s="1080" t="s">
        <v>153</v>
      </c>
      <c r="J8" s="1082" t="s">
        <v>154</v>
      </c>
      <c r="K8" s="1082" t="s">
        <v>155</v>
      </c>
      <c r="L8" s="1082" t="s">
        <v>156</v>
      </c>
      <c r="M8" s="1082" t="s">
        <v>157</v>
      </c>
      <c r="N8" s="1073" t="s">
        <v>158</v>
      </c>
      <c r="O8" s="49"/>
    </row>
    <row r="9" spans="1:17" ht="34.15" customHeight="1">
      <c r="A9" s="1078"/>
      <c r="B9" s="1081"/>
      <c r="C9" s="1081"/>
      <c r="D9" s="1081"/>
      <c r="E9" s="1083"/>
      <c r="F9" s="1081"/>
      <c r="G9" s="1085"/>
      <c r="H9" s="1085"/>
      <c r="I9" s="1081"/>
      <c r="J9" s="1083"/>
      <c r="K9" s="1083"/>
      <c r="L9" s="1083"/>
      <c r="M9" s="1083"/>
      <c r="N9" s="1074"/>
      <c r="O9" s="50"/>
      <c r="P9" s="414" t="s">
        <v>416</v>
      </c>
      <c r="Q9" s="414" t="s">
        <v>417</v>
      </c>
    </row>
    <row r="10" spans="1:17" s="56" customFormat="1" ht="14.65" customHeight="1">
      <c r="A10" s="1064">
        <f>基礎情報!$D$9</f>
        <v>0</v>
      </c>
      <c r="B10" s="1066">
        <f>基礎情報!$D$6</f>
        <v>0</v>
      </c>
      <c r="C10" s="1066" t="s">
        <v>159</v>
      </c>
      <c r="D10" s="51" t="s">
        <v>11</v>
      </c>
      <c r="E10" s="51" t="s">
        <v>11</v>
      </c>
      <c r="F10" s="52" t="s">
        <v>11</v>
      </c>
      <c r="G10" s="51" t="s">
        <v>11</v>
      </c>
      <c r="H10" s="51" t="s">
        <v>11</v>
      </c>
      <c r="I10" s="52" t="s">
        <v>11</v>
      </c>
      <c r="J10" s="52" t="s">
        <v>11</v>
      </c>
      <c r="K10" s="52"/>
      <c r="L10" s="53" t="s">
        <v>11</v>
      </c>
      <c r="M10" s="53" t="s">
        <v>11</v>
      </c>
      <c r="N10" s="54" t="s">
        <v>11</v>
      </c>
      <c r="O10" s="55"/>
    </row>
    <row r="11" spans="1:17" ht="61.15" customHeight="1">
      <c r="A11" s="1065"/>
      <c r="B11" s="1067"/>
      <c r="C11" s="1067"/>
      <c r="D11" s="193">
        <f>'計画書（陰圧）'!$G$32</f>
        <v>0</v>
      </c>
      <c r="E11" s="193">
        <f>'確認書（陰圧）'!$B$43</f>
        <v>0</v>
      </c>
      <c r="F11" s="194">
        <f>D11-E11</f>
        <v>0</v>
      </c>
      <c r="G11" s="193">
        <f>'確認書（陰圧）'!$K$45</f>
        <v>0</v>
      </c>
      <c r="H11" s="193">
        <f>'確認書（陰圧）'!$K$40</f>
        <v>0</v>
      </c>
      <c r="I11" s="195">
        <f>MIN(G11,H11)</f>
        <v>0</v>
      </c>
      <c r="J11" s="195">
        <f>MIN(F11,I11)</f>
        <v>0</v>
      </c>
      <c r="K11" s="196">
        <v>1</v>
      </c>
      <c r="L11" s="195">
        <f>ROUNDDOWN(J11*K11,-3)</f>
        <v>0</v>
      </c>
      <c r="M11" s="195">
        <f>'確認書（陰圧）'!$B$39</f>
        <v>0</v>
      </c>
      <c r="N11" s="197">
        <f>MIN(L11,M11)</f>
        <v>0</v>
      </c>
      <c r="O11" s="57"/>
      <c r="P11" s="415">
        <f>ROUNDDOWN(N11/2,-3)</f>
        <v>0</v>
      </c>
      <c r="Q11" s="415">
        <f>ROUNDUP(N11/2,-3)</f>
        <v>0</v>
      </c>
    </row>
    <row r="12" spans="1:17" s="56" customFormat="1" ht="14.65" customHeight="1">
      <c r="A12" s="1064">
        <f>基礎情報!$D$9</f>
        <v>0</v>
      </c>
      <c r="B12" s="1066">
        <f>基礎情報!$D$6</f>
        <v>0</v>
      </c>
      <c r="C12" s="1066" t="s">
        <v>403</v>
      </c>
      <c r="D12" s="51" t="s">
        <v>11</v>
      </c>
      <c r="E12" s="51" t="s">
        <v>11</v>
      </c>
      <c r="F12" s="52" t="s">
        <v>11</v>
      </c>
      <c r="G12" s="51" t="s">
        <v>11</v>
      </c>
      <c r="H12" s="51" t="s">
        <v>11</v>
      </c>
      <c r="I12" s="52" t="s">
        <v>11</v>
      </c>
      <c r="J12" s="52" t="s">
        <v>11</v>
      </c>
      <c r="K12" s="52"/>
      <c r="L12" s="53" t="s">
        <v>11</v>
      </c>
      <c r="M12" s="53" t="s">
        <v>11</v>
      </c>
      <c r="N12" s="54" t="s">
        <v>11</v>
      </c>
      <c r="O12" s="55"/>
    </row>
    <row r="13" spans="1:17" ht="61.15" customHeight="1">
      <c r="A13" s="1065"/>
      <c r="B13" s="1067"/>
      <c r="C13" s="1067"/>
      <c r="D13" s="193">
        <f>'計画書（検査装置)'!$G$32</f>
        <v>0</v>
      </c>
      <c r="E13" s="193">
        <f>'確認書（検査機器）'!$C$43</f>
        <v>0</v>
      </c>
      <c r="F13" s="194">
        <f>D13-E13</f>
        <v>0</v>
      </c>
      <c r="G13" s="193">
        <f>'確認書（検査機器）'!$AH$57</f>
        <v>0</v>
      </c>
      <c r="H13" s="193">
        <f>'確認書（検査機器）'!$AH$47</f>
        <v>0</v>
      </c>
      <c r="I13" s="195">
        <f>MIN(G13,H13)</f>
        <v>0</v>
      </c>
      <c r="J13" s="195">
        <f>MIN(F13,I13)</f>
        <v>0</v>
      </c>
      <c r="K13" s="196">
        <v>1</v>
      </c>
      <c r="L13" s="195">
        <f>ROUNDDOWN(J13*K13,-3)</f>
        <v>0</v>
      </c>
      <c r="M13" s="195">
        <f>'確認書（検査機器）'!$C$39</f>
        <v>0</v>
      </c>
      <c r="N13" s="197">
        <f>MIN(L13,M13)</f>
        <v>0</v>
      </c>
      <c r="O13" s="57"/>
      <c r="P13" s="415">
        <f t="shared" ref="P13" si="0">ROUNDDOWN(N13/2,-3)</f>
        <v>0</v>
      </c>
      <c r="Q13" s="415">
        <f t="shared" ref="Q13" si="1">ROUNDUP(N13/2,-3)</f>
        <v>0</v>
      </c>
    </row>
    <row r="14" spans="1:17" s="56" customFormat="1" ht="14.65" customHeight="1">
      <c r="A14" s="1064">
        <f>基礎情報!$D$9</f>
        <v>0</v>
      </c>
      <c r="B14" s="1066">
        <f>基礎情報!$D$6</f>
        <v>0</v>
      </c>
      <c r="C14" s="1066" t="s">
        <v>160</v>
      </c>
      <c r="D14" s="51" t="s">
        <v>11</v>
      </c>
      <c r="E14" s="51" t="s">
        <v>11</v>
      </c>
      <c r="F14" s="52" t="s">
        <v>11</v>
      </c>
      <c r="G14" s="51" t="s">
        <v>11</v>
      </c>
      <c r="H14" s="51" t="s">
        <v>11</v>
      </c>
      <c r="I14" s="52" t="s">
        <v>11</v>
      </c>
      <c r="J14" s="52" t="s">
        <v>11</v>
      </c>
      <c r="K14" s="52"/>
      <c r="L14" s="53" t="s">
        <v>11</v>
      </c>
      <c r="M14" s="53" t="s">
        <v>11</v>
      </c>
      <c r="N14" s="54" t="s">
        <v>11</v>
      </c>
      <c r="O14" s="55"/>
    </row>
    <row r="15" spans="1:17" ht="61.15" customHeight="1">
      <c r="A15" s="1065"/>
      <c r="B15" s="1067"/>
      <c r="C15" s="1067"/>
      <c r="D15" s="193">
        <f>'計画書（ベッド)'!$G$32</f>
        <v>0</v>
      </c>
      <c r="E15" s="193">
        <f>'確認書（ベッド）'!$B$43</f>
        <v>0</v>
      </c>
      <c r="F15" s="194">
        <f>D15-E15</f>
        <v>0</v>
      </c>
      <c r="G15" s="193">
        <f>'確認書（ベッド）'!$K$45</f>
        <v>0</v>
      </c>
      <c r="H15" s="193">
        <f>'確認書（ベッド）'!$K$44</f>
        <v>0</v>
      </c>
      <c r="I15" s="195">
        <f>MIN(G15,H15)</f>
        <v>0</v>
      </c>
      <c r="J15" s="195">
        <f>MIN(F15,I15)</f>
        <v>0</v>
      </c>
      <c r="K15" s="196">
        <v>1</v>
      </c>
      <c r="L15" s="195">
        <f>ROUNDDOWN(J15*K15,-3)</f>
        <v>0</v>
      </c>
      <c r="M15" s="195">
        <f>'確認書（ベッド）'!$B$39</f>
        <v>0</v>
      </c>
      <c r="N15" s="197">
        <f>MIN(L15,M15)</f>
        <v>0</v>
      </c>
      <c r="O15" s="57"/>
      <c r="P15" s="415">
        <f t="shared" ref="P15" si="2">ROUNDDOWN(N15/2,-3)</f>
        <v>0</v>
      </c>
      <c r="Q15" s="415">
        <f t="shared" ref="Q15" si="3">ROUNDUP(N15/2,-3)</f>
        <v>0</v>
      </c>
    </row>
    <row r="16" spans="1:17" s="56" customFormat="1" ht="14.65" customHeight="1">
      <c r="A16" s="1068">
        <f>基礎情報!$D$9</f>
        <v>0</v>
      </c>
      <c r="B16" s="1070">
        <f>基礎情報!$D$6</f>
        <v>0</v>
      </c>
      <c r="C16" s="1066" t="s">
        <v>161</v>
      </c>
      <c r="D16" s="58" t="s">
        <v>11</v>
      </c>
      <c r="E16" s="58" t="s">
        <v>11</v>
      </c>
      <c r="F16" s="59" t="s">
        <v>11</v>
      </c>
      <c r="G16" s="58" t="s">
        <v>11</v>
      </c>
      <c r="H16" s="58" t="s">
        <v>11</v>
      </c>
      <c r="I16" s="59" t="s">
        <v>11</v>
      </c>
      <c r="J16" s="59" t="s">
        <v>11</v>
      </c>
      <c r="K16" s="59"/>
      <c r="L16" s="60" t="s">
        <v>11</v>
      </c>
      <c r="M16" s="60" t="s">
        <v>11</v>
      </c>
      <c r="N16" s="61" t="s">
        <v>11</v>
      </c>
      <c r="O16" s="55"/>
    </row>
    <row r="17" spans="1:17" ht="61.15" customHeight="1" thickBot="1">
      <c r="A17" s="1069"/>
      <c r="B17" s="1071"/>
      <c r="C17" s="1071"/>
      <c r="D17" s="198">
        <f>'計画書（清浄機)'!$G$32</f>
        <v>0</v>
      </c>
      <c r="E17" s="198">
        <f>'確認書（清浄機）'!$C$45</f>
        <v>0</v>
      </c>
      <c r="F17" s="199">
        <f>D17-E17</f>
        <v>0</v>
      </c>
      <c r="G17" s="198">
        <f>'確認書（清浄機）'!$AI$52</f>
        <v>0</v>
      </c>
      <c r="H17" s="198">
        <f>'確認書（清浄機）'!$AI$51</f>
        <v>905000</v>
      </c>
      <c r="I17" s="200">
        <f>MIN(G17,H17)</f>
        <v>0</v>
      </c>
      <c r="J17" s="200">
        <f>MIN(F17,I17)</f>
        <v>0</v>
      </c>
      <c r="K17" s="201">
        <v>1</v>
      </c>
      <c r="L17" s="200">
        <f>ROUNDDOWN(J17*K17,-3)</f>
        <v>0</v>
      </c>
      <c r="M17" s="200">
        <f>'確認書（清浄機）'!$C$39</f>
        <v>0</v>
      </c>
      <c r="N17" s="202">
        <f>MIN(L17,M17)</f>
        <v>0</v>
      </c>
      <c r="O17" s="57"/>
      <c r="P17" s="415">
        <f t="shared" ref="P17" si="4">ROUNDDOWN(N17/2,-3)</f>
        <v>0</v>
      </c>
      <c r="Q17" s="415">
        <f t="shared" ref="Q17" si="5">ROUNDUP(N17/2,-3)</f>
        <v>0</v>
      </c>
    </row>
    <row r="18" spans="1:17" s="63" customFormat="1" ht="37.15" customHeight="1" thickBot="1">
      <c r="A18" s="62" t="s">
        <v>162</v>
      </c>
      <c r="B18" s="62"/>
      <c r="C18" s="62"/>
      <c r="D18" s="62"/>
      <c r="E18" s="62"/>
      <c r="F18" s="62"/>
      <c r="G18" s="62"/>
      <c r="H18" s="62"/>
      <c r="I18" s="62"/>
      <c r="J18" s="62"/>
      <c r="K18" s="62"/>
      <c r="L18" s="62"/>
      <c r="M18" s="62" t="s">
        <v>167</v>
      </c>
      <c r="N18" s="65">
        <f>SUM(N11:N17)</f>
        <v>0</v>
      </c>
      <c r="P18" s="415">
        <f>P11+P13+P15+P17</f>
        <v>0</v>
      </c>
      <c r="Q18" s="415">
        <f>Q11+Q13+Q15+Q17</f>
        <v>0</v>
      </c>
    </row>
    <row r="19" spans="1:17" s="63" customFormat="1" ht="21" customHeight="1">
      <c r="A19" s="62" t="s">
        <v>163</v>
      </c>
      <c r="B19" s="62"/>
      <c r="C19" s="62"/>
      <c r="D19" s="62"/>
      <c r="E19" s="62"/>
      <c r="F19" s="62"/>
      <c r="G19" s="62"/>
      <c r="H19" s="62"/>
      <c r="I19" s="62"/>
      <c r="J19" s="62"/>
      <c r="K19" s="62"/>
      <c r="L19" s="62"/>
      <c r="M19" s="62"/>
      <c r="N19" s="62"/>
    </row>
    <row r="20" spans="1:17" s="63" customFormat="1" ht="20.65" customHeight="1">
      <c r="A20" s="62" t="s">
        <v>284</v>
      </c>
      <c r="B20" s="62"/>
      <c r="C20" s="62"/>
      <c r="D20" s="62"/>
      <c r="E20" s="62"/>
      <c r="F20" s="62"/>
      <c r="G20" s="62"/>
      <c r="H20" s="62"/>
      <c r="I20" s="62"/>
      <c r="J20" s="62"/>
      <c r="K20" s="62"/>
      <c r="L20" s="62"/>
      <c r="M20" s="62"/>
      <c r="N20" s="62"/>
    </row>
    <row r="21" spans="1:17" s="63" customFormat="1" ht="19.149999999999999" customHeight="1">
      <c r="A21" s="62" t="s">
        <v>285</v>
      </c>
      <c r="B21" s="62"/>
      <c r="C21" s="62"/>
      <c r="D21" s="62"/>
      <c r="E21" s="62"/>
      <c r="F21" s="62"/>
      <c r="G21" s="62"/>
      <c r="H21" s="62"/>
      <c r="I21" s="62"/>
      <c r="J21" s="62"/>
      <c r="K21" s="62"/>
      <c r="L21" s="62"/>
      <c r="M21" s="62"/>
      <c r="N21" s="62"/>
    </row>
    <row r="22" spans="1:17" s="64" customFormat="1" ht="17.649999999999999" customHeight="1">
      <c r="A22" s="62" t="s">
        <v>286</v>
      </c>
      <c r="B22" s="62"/>
      <c r="C22" s="62"/>
    </row>
    <row r="24" spans="1:17">
      <c r="D24" s="413">
        <f>D11+D13+D15+D17</f>
        <v>0</v>
      </c>
      <c r="E24" s="413">
        <f t="shared" ref="E24:N24" si="6">E11+E13+E15+E17</f>
        <v>0</v>
      </c>
      <c r="F24" s="413">
        <f t="shared" si="6"/>
        <v>0</v>
      </c>
      <c r="G24" s="413">
        <f t="shared" si="6"/>
        <v>0</v>
      </c>
      <c r="H24" s="413"/>
      <c r="I24" s="413">
        <f t="shared" si="6"/>
        <v>0</v>
      </c>
      <c r="J24" s="413">
        <f t="shared" si="6"/>
        <v>0</v>
      </c>
      <c r="K24" s="413"/>
      <c r="L24" s="413">
        <f t="shared" si="6"/>
        <v>0</v>
      </c>
      <c r="M24" s="413">
        <f t="shared" si="6"/>
        <v>0</v>
      </c>
      <c r="N24" s="413">
        <f t="shared" si="6"/>
        <v>0</v>
      </c>
    </row>
  </sheetData>
  <sheetProtection algorithmName="SHA-512" hashValue="fZmJs2Q3zvMURFyVOZJ9FEbgRzjCh2nkbvgJMvHxyxDMtzspE45SGYIlprrfUUAWorOh0A9TqpfRYN6mcI13+w==" saltValue="YzbfBHKvqxNSOfW3MqvCPw==" spinCount="100000" sheet="1" objects="1" scenarios="1"/>
  <mergeCells count="28">
    <mergeCell ref="K5:N5"/>
    <mergeCell ref="N8:N9"/>
    <mergeCell ref="A3:M3"/>
    <mergeCell ref="A7:A9"/>
    <mergeCell ref="B7:B9"/>
    <mergeCell ref="C7:C9"/>
    <mergeCell ref="D8:D9"/>
    <mergeCell ref="E8:E9"/>
    <mergeCell ref="F8:F9"/>
    <mergeCell ref="G8:G9"/>
    <mergeCell ref="H8:H9"/>
    <mergeCell ref="I8:I9"/>
    <mergeCell ref="J8:J9"/>
    <mergeCell ref="K8:K9"/>
    <mergeCell ref="L8:L9"/>
    <mergeCell ref="M8:M9"/>
    <mergeCell ref="A10:A11"/>
    <mergeCell ref="B10:B11"/>
    <mergeCell ref="C10:C11"/>
    <mergeCell ref="A12:A13"/>
    <mergeCell ref="B12:B13"/>
    <mergeCell ref="C12:C13"/>
    <mergeCell ref="A14:A15"/>
    <mergeCell ref="B14:B15"/>
    <mergeCell ref="C14:C15"/>
    <mergeCell ref="A16:A17"/>
    <mergeCell ref="B16:B17"/>
    <mergeCell ref="C16:C17"/>
  </mergeCells>
  <phoneticPr fontId="2"/>
  <pageMargins left="0.70866141732283472" right="0.70866141732283472" top="1.5354330708661419" bottom="0.74803149606299213" header="0.9055118110236221" footer="0.31496062992125984"/>
  <pageSetup paperSize="9" scale="52" orientation="landscape" r:id="rId1"/>
  <headerFooter>
    <oddHeader xml:space="preserve">&amp;L&amp;"+,標準"&amp;12（別紙１）
</oddHeader>
  </headerFooter>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I29"/>
  <sheetViews>
    <sheetView showZeros="0" view="pageBreakPreview" zoomScaleNormal="70" zoomScaleSheetLayoutView="100" workbookViewId="0">
      <selection activeCell="B8" sqref="B8"/>
    </sheetView>
  </sheetViews>
  <sheetFormatPr defaultColWidth="8.125" defaultRowHeight="14.25"/>
  <cols>
    <col min="1" max="2" width="21.125" style="1" customWidth="1"/>
    <col min="3" max="3" width="3.125" style="1" customWidth="1"/>
    <col min="4" max="5" width="21.125" style="1" customWidth="1"/>
    <col min="6" max="6" width="3.125" style="1" customWidth="1"/>
    <col min="7" max="8" width="8.125" style="1"/>
    <col min="9" max="9" width="11.5" style="1" bestFit="1" customWidth="1"/>
    <col min="10" max="16384" width="8.125" style="1"/>
  </cols>
  <sheetData>
    <row r="1" spans="1:9" ht="20.100000000000001" customHeight="1">
      <c r="A1" s="1" t="s">
        <v>48</v>
      </c>
    </row>
    <row r="2" spans="1:9" ht="32.25" customHeight="1">
      <c r="A2" s="1087" t="s">
        <v>20</v>
      </c>
      <c r="B2" s="1087"/>
      <c r="C2" s="1087"/>
      <c r="D2" s="1087"/>
      <c r="E2" s="1087"/>
      <c r="F2" s="1087"/>
    </row>
    <row r="4" spans="1:9" ht="20.100000000000001" customHeight="1">
      <c r="A4" s="29"/>
      <c r="I4" s="203"/>
    </row>
    <row r="5" spans="1:9" ht="20.100000000000001" customHeight="1">
      <c r="A5" s="1" t="s">
        <v>19</v>
      </c>
      <c r="I5" s="203"/>
    </row>
    <row r="6" spans="1:9" ht="20.100000000000001" customHeight="1">
      <c r="A6" s="1088" t="s">
        <v>18</v>
      </c>
      <c r="B6" s="1089"/>
      <c r="C6" s="32"/>
      <c r="D6" s="1089" t="s">
        <v>17</v>
      </c>
      <c r="E6" s="1090"/>
      <c r="F6" s="15"/>
      <c r="I6" s="203">
        <f>'確認書（陰圧）'!$B$43</f>
        <v>0</v>
      </c>
    </row>
    <row r="7" spans="1:9" ht="20.100000000000001" customHeight="1">
      <c r="A7" s="28" t="s">
        <v>16</v>
      </c>
      <c r="B7" s="1089" t="s">
        <v>15</v>
      </c>
      <c r="C7" s="1091"/>
      <c r="D7" s="30" t="s">
        <v>16</v>
      </c>
      <c r="E7" s="31" t="s">
        <v>15</v>
      </c>
      <c r="F7" s="15"/>
      <c r="I7" s="203">
        <f>'確認書（検査機器）'!$C$43</f>
        <v>0</v>
      </c>
    </row>
    <row r="8" spans="1:9" ht="45.6" customHeight="1">
      <c r="A8" s="187" t="s">
        <v>14</v>
      </c>
      <c r="B8" s="188">
        <f>経費所要額調!P18</f>
        <v>0</v>
      </c>
      <c r="C8" s="27"/>
      <c r="D8" s="183" t="s">
        <v>237</v>
      </c>
      <c r="E8" s="184">
        <f>'計画書（陰圧）'!$G$47</f>
        <v>0</v>
      </c>
      <c r="F8" s="20"/>
      <c r="I8" s="203">
        <f>'確認書（ベッド）'!$B$43</f>
        <v>0</v>
      </c>
    </row>
    <row r="9" spans="1:9" ht="45.6" customHeight="1">
      <c r="A9" s="189" t="s">
        <v>46</v>
      </c>
      <c r="B9" s="35">
        <f>経費所要額調!Q18</f>
        <v>0</v>
      </c>
      <c r="C9" s="20"/>
      <c r="D9" s="185" t="s">
        <v>418</v>
      </c>
      <c r="E9" s="204">
        <f>'計画書（検査装置)'!$G$47</f>
        <v>0</v>
      </c>
      <c r="F9" s="20"/>
      <c r="I9" s="203">
        <f>'確認書（清浄機）'!$C$45</f>
        <v>0</v>
      </c>
    </row>
    <row r="10" spans="1:9" ht="45" customHeight="1">
      <c r="A10" s="190" t="s">
        <v>13</v>
      </c>
      <c r="B10" s="33">
        <f>E21-(B8+B9+B11)</f>
        <v>0</v>
      </c>
      <c r="C10" s="20"/>
      <c r="D10" s="185" t="s">
        <v>238</v>
      </c>
      <c r="E10" s="204">
        <f>'計画書（ベッド)'!$G$47</f>
        <v>0</v>
      </c>
      <c r="F10" s="20"/>
      <c r="I10" s="203">
        <v>2</v>
      </c>
    </row>
    <row r="11" spans="1:9" ht="52.5">
      <c r="A11" s="190" t="s">
        <v>128</v>
      </c>
      <c r="B11" s="33">
        <f>SUM(I6:I9)</f>
        <v>0</v>
      </c>
      <c r="C11" s="20"/>
      <c r="D11" s="185" t="s">
        <v>239</v>
      </c>
      <c r="E11" s="204">
        <f>'計画書（清浄機)'!$G$47</f>
        <v>0</v>
      </c>
      <c r="F11" s="20"/>
      <c r="I11" s="203">
        <f>経費所要額調!N18</f>
        <v>0</v>
      </c>
    </row>
    <row r="12" spans="1:9" ht="45.6" customHeight="1">
      <c r="A12" s="26"/>
      <c r="B12" s="186"/>
      <c r="C12" s="20"/>
      <c r="D12" s="182"/>
      <c r="E12" s="21"/>
      <c r="F12" s="20"/>
      <c r="I12" s="203">
        <f>I11/I10</f>
        <v>0</v>
      </c>
    </row>
    <row r="13" spans="1:9" ht="20.100000000000001" customHeight="1">
      <c r="A13" s="25"/>
      <c r="B13" s="21"/>
      <c r="C13" s="20"/>
      <c r="D13" s="182"/>
      <c r="E13" s="21"/>
      <c r="F13" s="20"/>
      <c r="I13" s="203"/>
    </row>
    <row r="14" spans="1:9" ht="20.100000000000001" customHeight="1">
      <c r="A14" s="22"/>
      <c r="B14" s="21"/>
      <c r="C14" s="20"/>
      <c r="D14" s="34"/>
      <c r="E14" s="21"/>
      <c r="F14" s="20"/>
    </row>
    <row r="15" spans="1:9" ht="20.100000000000001" customHeight="1">
      <c r="A15" s="22"/>
      <c r="B15" s="24"/>
      <c r="C15" s="20"/>
      <c r="D15" s="22"/>
      <c r="E15" s="21"/>
      <c r="F15" s="20"/>
    </row>
    <row r="16" spans="1:9" ht="20.100000000000001" customHeight="1">
      <c r="A16" s="22"/>
      <c r="B16" s="21"/>
      <c r="C16" s="20"/>
      <c r="D16" s="18"/>
      <c r="E16" s="21"/>
      <c r="F16" s="20"/>
    </row>
    <row r="17" spans="1:6" ht="20.100000000000001" customHeight="1">
      <c r="A17" s="22"/>
      <c r="B17" s="23"/>
      <c r="C17" s="20"/>
      <c r="D17" s="22"/>
      <c r="E17" s="21"/>
      <c r="F17" s="20"/>
    </row>
    <row r="18" spans="1:6" ht="20.100000000000001" customHeight="1">
      <c r="A18" s="22"/>
      <c r="B18" s="21"/>
      <c r="C18" s="20"/>
      <c r="D18" s="22"/>
      <c r="E18" s="21"/>
      <c r="F18" s="20"/>
    </row>
    <row r="19" spans="1:6" ht="20.100000000000001" customHeight="1">
      <c r="A19" s="22"/>
      <c r="B19" s="21"/>
      <c r="C19" s="20"/>
      <c r="D19" s="22"/>
      <c r="E19" s="21"/>
      <c r="F19" s="20"/>
    </row>
    <row r="20" spans="1:6" ht="20.100000000000001" customHeight="1">
      <c r="A20" s="19"/>
      <c r="B20" s="17"/>
      <c r="C20" s="16"/>
      <c r="D20" s="18"/>
      <c r="E20" s="17"/>
      <c r="F20" s="16"/>
    </row>
    <row r="21" spans="1:6" ht="20.100000000000001" customHeight="1">
      <c r="A21" s="205" t="s">
        <v>12</v>
      </c>
      <c r="B21" s="14">
        <f>SUM(B8:B11)</f>
        <v>0</v>
      </c>
      <c r="C21" s="15" t="s">
        <v>11</v>
      </c>
      <c r="D21" s="205" t="s">
        <v>12</v>
      </c>
      <c r="E21" s="14">
        <f>SUM(E8:E11)</f>
        <v>0</v>
      </c>
      <c r="F21" s="13" t="s">
        <v>11</v>
      </c>
    </row>
    <row r="22" spans="1:6" ht="20.100000000000001" customHeight="1">
      <c r="A22" s="11"/>
      <c r="B22" s="12"/>
      <c r="C22" s="10"/>
      <c r="D22" s="11"/>
      <c r="E22" s="10"/>
      <c r="F22" s="10"/>
    </row>
    <row r="23" spans="1:6" ht="20.100000000000001" customHeight="1">
      <c r="B23" s="206" t="s">
        <v>10</v>
      </c>
    </row>
    <row r="24" spans="1:6" ht="20.100000000000001" customHeight="1">
      <c r="A24" s="9"/>
    </row>
    <row r="25" spans="1:6" ht="20.100000000000001" customHeight="1">
      <c r="A25" s="8"/>
      <c r="D25" s="6"/>
    </row>
    <row r="26" spans="1:6" ht="20.100000000000001" customHeight="1">
      <c r="A26" s="8"/>
      <c r="B26" s="7" t="str">
        <f>IF(基礎情報!D3="","",基礎情報!D3)</f>
        <v/>
      </c>
      <c r="D26" s="1086">
        <f>基礎情報!$D$6</f>
        <v>0</v>
      </c>
      <c r="E26" s="1086"/>
    </row>
    <row r="27" spans="1:6" ht="20.100000000000001" customHeight="1">
      <c r="B27" s="5"/>
      <c r="C27" s="5"/>
      <c r="D27" s="1092">
        <f>基礎情報!$D$9</f>
        <v>0</v>
      </c>
      <c r="E27" s="1092"/>
    </row>
    <row r="28" spans="1:6" ht="20.100000000000001" customHeight="1">
      <c r="B28" s="4"/>
      <c r="C28" s="3"/>
      <c r="D28" s="1086">
        <f>基礎情報!$D$7</f>
        <v>0</v>
      </c>
      <c r="E28" s="1086"/>
    </row>
    <row r="29" spans="1:6" ht="20.100000000000001" customHeight="1">
      <c r="D29" s="2" t="s">
        <v>9</v>
      </c>
    </row>
  </sheetData>
  <sheetProtection algorithmName="SHA-512" hashValue="OCtiyOHAHNaYm/hVLT6gQfypPIWEbniFt0ga3fYvdRg6ofg2D6UP3RGo5vl1x2BRsVTPFObqwfcohWdYSlPgVw==" saltValue="Q0sJqGjEnTXtBjKVebwMjA==" spinCount="100000" sheet="1" objects="1" scenarios="1"/>
  <protectedRanges>
    <protectedRange sqref="B11:B12" name="範囲1"/>
  </protectedRanges>
  <customSheetViews>
    <customSheetView guid="{75F8A93C-F5BA-4FE5-85C6-88804E4D71E6}" showPageBreaks="1" fitToPage="1" printArea="1" view="pageBreakPreview" topLeftCell="B1">
      <selection activeCell="B11" sqref="B11"/>
      <pageMargins left="0.7" right="0.7" top="0.75" bottom="0.75" header="0.3" footer="0.3"/>
      <pageSetup paperSize="9" scale="82" orientation="portrait" r:id="rId1"/>
    </customSheetView>
    <customSheetView guid="{00E5FA86-1172-4EED-8DB5-202766590116}" showPageBreaks="1" fitToPage="1" view="pageBreakPreview">
      <selection activeCell="B9" sqref="B9"/>
      <pageMargins left="0.7" right="0.7" top="0.75" bottom="0.75" header="0.3" footer="0.3"/>
      <pageSetup paperSize="9" scale="90" orientation="portrait" r:id="rId2"/>
    </customSheetView>
  </customSheetViews>
  <mergeCells count="7">
    <mergeCell ref="D28:E28"/>
    <mergeCell ref="A2:F2"/>
    <mergeCell ref="A6:B6"/>
    <mergeCell ref="D6:E6"/>
    <mergeCell ref="B7:C7"/>
    <mergeCell ref="D26:E26"/>
    <mergeCell ref="D27:E27"/>
  </mergeCells>
  <phoneticPr fontId="2"/>
  <dataValidations count="1">
    <dataValidation type="whole" operator="greaterThanOrEqual" allowBlank="1" showInputMessage="1" showErrorMessage="1" error="空床数がマイナスになっています" sqref="B8:B12 E8">
      <formula1>C8</formula1>
    </dataValidation>
  </dataValidations>
  <pageMargins left="0.7" right="0.7" top="0.75" bottom="0.75" header="0.3" footer="0.3"/>
  <pageSetup paperSize="9" scale="90" orientation="portrait" r:id="rId3"/>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M29"/>
  <sheetViews>
    <sheetView view="pageBreakPreview" zoomScaleNormal="100" zoomScaleSheetLayoutView="100" workbookViewId="0">
      <selection activeCell="D1" sqref="D1"/>
    </sheetView>
  </sheetViews>
  <sheetFormatPr defaultColWidth="9" defaultRowHeight="38.65" customHeight="1"/>
  <cols>
    <col min="1" max="1" width="6" style="237" customWidth="1"/>
    <col min="2" max="2" width="10.625" style="238" customWidth="1"/>
    <col min="3" max="3" width="21.5" style="238" customWidth="1"/>
    <col min="4" max="4" width="8.75" style="238" customWidth="1"/>
    <col min="5" max="5" width="47.5" style="239" customWidth="1"/>
    <col min="6" max="6" width="9" style="240"/>
    <col min="7" max="7" width="26.75" style="240" customWidth="1"/>
    <col min="8" max="16384" width="9" style="240"/>
  </cols>
  <sheetData>
    <row r="1" spans="2:11" ht="116.25" customHeight="1"/>
    <row r="2" spans="2:11" ht="32.25" customHeight="1">
      <c r="B2" s="510" t="s">
        <v>83</v>
      </c>
      <c r="C2" s="511"/>
      <c r="D2" s="511"/>
      <c r="E2" s="511"/>
    </row>
    <row r="3" spans="2:11" ht="40.15" customHeight="1">
      <c r="B3" s="512" t="s">
        <v>84</v>
      </c>
      <c r="C3" s="513"/>
      <c r="D3" s="525"/>
      <c r="E3" s="526"/>
      <c r="F3" s="241" t="s">
        <v>370</v>
      </c>
    </row>
    <row r="4" spans="2:11" ht="40.15" customHeight="1">
      <c r="B4" s="514" t="s">
        <v>423</v>
      </c>
      <c r="C4" s="242" t="s">
        <v>85</v>
      </c>
      <c r="D4" s="527"/>
      <c r="E4" s="528"/>
      <c r="F4" s="241" t="s">
        <v>357</v>
      </c>
    </row>
    <row r="5" spans="2:11" ht="40.15" customHeight="1">
      <c r="B5" s="515"/>
      <c r="C5" s="242" t="s">
        <v>3</v>
      </c>
      <c r="D5" s="517"/>
      <c r="E5" s="518"/>
      <c r="F5" s="540" t="s">
        <v>421</v>
      </c>
      <c r="G5" s="541"/>
      <c r="H5" s="541"/>
      <c r="I5" s="541"/>
      <c r="J5" s="541"/>
      <c r="K5" s="541"/>
    </row>
    <row r="6" spans="2:11" ht="60" customHeight="1">
      <c r="B6" s="515"/>
      <c r="C6" s="243" t="s">
        <v>372</v>
      </c>
      <c r="D6" s="517"/>
      <c r="E6" s="518"/>
      <c r="F6" s="540" t="s">
        <v>422</v>
      </c>
      <c r="G6" s="542"/>
      <c r="H6" s="542"/>
      <c r="I6" s="542"/>
      <c r="J6" s="542"/>
      <c r="K6" s="542"/>
    </row>
    <row r="7" spans="2:11" ht="45" customHeight="1">
      <c r="B7" s="516"/>
      <c r="C7" s="243" t="s">
        <v>371</v>
      </c>
      <c r="D7" s="517"/>
      <c r="E7" s="518"/>
      <c r="F7" s="540" t="s">
        <v>207</v>
      </c>
      <c r="G7" s="541"/>
      <c r="H7" s="541"/>
      <c r="I7" s="541"/>
      <c r="J7" s="541"/>
      <c r="K7" s="541"/>
    </row>
    <row r="8" spans="2:11" ht="40.15" customHeight="1">
      <c r="B8" s="529" t="s">
        <v>213</v>
      </c>
      <c r="C8" s="530"/>
      <c r="D8" s="517"/>
      <c r="E8" s="518"/>
      <c r="F8" s="241" t="s">
        <v>86</v>
      </c>
      <c r="G8" s="241"/>
    </row>
    <row r="9" spans="2:11" ht="40.15" customHeight="1">
      <c r="B9" s="529" t="s">
        <v>87</v>
      </c>
      <c r="C9" s="530"/>
      <c r="D9" s="517"/>
      <c r="E9" s="518"/>
      <c r="F9" s="241" t="s">
        <v>88</v>
      </c>
      <c r="G9" s="241"/>
    </row>
    <row r="10" spans="2:11" ht="40.15" customHeight="1">
      <c r="B10" s="514" t="s">
        <v>327</v>
      </c>
      <c r="C10" s="427" t="s">
        <v>328</v>
      </c>
      <c r="D10" s="527"/>
      <c r="E10" s="528"/>
      <c r="F10" s="241" t="s">
        <v>356</v>
      </c>
    </row>
    <row r="11" spans="2:11" ht="40.15" customHeight="1">
      <c r="B11" s="531"/>
      <c r="C11" s="427" t="s">
        <v>329</v>
      </c>
      <c r="D11" s="517"/>
      <c r="E11" s="518"/>
      <c r="F11" s="241"/>
    </row>
    <row r="12" spans="2:11" ht="28.5" customHeight="1">
      <c r="B12" s="519" t="s">
        <v>171</v>
      </c>
      <c r="C12" s="520"/>
      <c r="D12" s="535" t="s">
        <v>106</v>
      </c>
      <c r="E12" s="530"/>
      <c r="F12" s="241"/>
      <c r="G12" s="241"/>
    </row>
    <row r="13" spans="2:11" ht="40.15" customHeight="1">
      <c r="B13" s="521"/>
      <c r="C13" s="522"/>
      <c r="D13" s="251"/>
      <c r="E13" s="244" t="s">
        <v>107</v>
      </c>
      <c r="F13" s="241"/>
      <c r="G13" s="241"/>
    </row>
    <row r="14" spans="2:11" ht="40.15" customHeight="1">
      <c r="B14" s="523"/>
      <c r="C14" s="524"/>
      <c r="D14" s="251"/>
      <c r="E14" s="244" t="s">
        <v>108</v>
      </c>
      <c r="F14" s="241"/>
      <c r="G14" s="241"/>
    </row>
    <row r="15" spans="2:11" ht="28.5" customHeight="1">
      <c r="B15" s="519" t="s">
        <v>109</v>
      </c>
      <c r="C15" s="520"/>
      <c r="D15" s="535" t="s">
        <v>106</v>
      </c>
      <c r="E15" s="530"/>
      <c r="F15" s="241"/>
      <c r="G15" s="241"/>
    </row>
    <row r="16" spans="2:11" ht="40.15" customHeight="1">
      <c r="B16" s="521"/>
      <c r="C16" s="522"/>
      <c r="D16" s="251"/>
      <c r="E16" s="244" t="s">
        <v>373</v>
      </c>
      <c r="F16" s="241"/>
      <c r="G16" s="241"/>
    </row>
    <row r="17" spans="1:13" ht="40.15" customHeight="1">
      <c r="B17" s="523"/>
      <c r="C17" s="524"/>
      <c r="D17" s="251"/>
      <c r="E17" s="244" t="s">
        <v>82</v>
      </c>
      <c r="F17" s="241"/>
      <c r="G17" s="241"/>
    </row>
    <row r="18" spans="1:13" ht="42" customHeight="1">
      <c r="B18" s="514" t="s">
        <v>113</v>
      </c>
      <c r="C18" s="245" t="s">
        <v>102</v>
      </c>
      <c r="D18" s="517"/>
      <c r="E18" s="518"/>
      <c r="F18" s="246"/>
      <c r="G18" s="247"/>
      <c r="H18" s="247"/>
      <c r="I18" s="247"/>
      <c r="J18" s="247"/>
      <c r="K18" s="247"/>
      <c r="L18" s="247"/>
    </row>
    <row r="19" spans="1:13" ht="42" customHeight="1">
      <c r="B19" s="539"/>
      <c r="C19" s="245" t="s">
        <v>2</v>
      </c>
      <c r="D19" s="517"/>
      <c r="E19" s="518"/>
      <c r="F19" s="240" t="s">
        <v>7</v>
      </c>
      <c r="H19" s="248"/>
      <c r="I19" s="248"/>
    </row>
    <row r="20" spans="1:13" ht="42" customHeight="1">
      <c r="B20" s="539"/>
      <c r="C20" s="245" t="s">
        <v>103</v>
      </c>
      <c r="D20" s="536"/>
      <c r="E20" s="537"/>
      <c r="H20" s="248"/>
      <c r="I20" s="248"/>
    </row>
    <row r="21" spans="1:13" ht="42" customHeight="1">
      <c r="B21" s="539"/>
      <c r="C21" s="245" t="s">
        <v>104</v>
      </c>
      <c r="D21" s="536"/>
      <c r="E21" s="537"/>
    </row>
    <row r="22" spans="1:13" ht="50.65" customHeight="1">
      <c r="B22" s="539"/>
      <c r="C22" s="244" t="s">
        <v>211</v>
      </c>
      <c r="D22" s="538"/>
      <c r="E22" s="518"/>
      <c r="F22" s="546" t="s">
        <v>105</v>
      </c>
      <c r="G22" s="547"/>
      <c r="H22" s="249"/>
      <c r="I22" s="249"/>
    </row>
    <row r="23" spans="1:13" ht="40.15" customHeight="1">
      <c r="B23" s="531"/>
      <c r="C23" s="543" t="s">
        <v>212</v>
      </c>
      <c r="D23" s="544"/>
      <c r="E23" s="545"/>
    </row>
    <row r="24" spans="1:13" ht="40.15" customHeight="1">
      <c r="B24" s="532"/>
      <c r="C24" s="533"/>
      <c r="D24" s="533"/>
      <c r="E24" s="534"/>
    </row>
    <row r="25" spans="1:13" s="239" customFormat="1" ht="52.5" customHeight="1">
      <c r="A25" s="237"/>
      <c r="B25" s="238"/>
      <c r="C25" s="238"/>
      <c r="D25" s="238"/>
      <c r="F25" s="240"/>
      <c r="G25" s="240"/>
      <c r="H25" s="240"/>
      <c r="I25" s="240"/>
      <c r="J25" s="240"/>
      <c r="K25" s="240"/>
      <c r="L25" s="240"/>
      <c r="M25" s="240"/>
    </row>
    <row r="26" spans="1:13" s="239" customFormat="1" ht="55.9" customHeight="1">
      <c r="A26" s="237"/>
      <c r="B26" s="238"/>
      <c r="C26" s="250"/>
      <c r="D26" s="250"/>
      <c r="F26" s="240"/>
      <c r="G26" s="240"/>
      <c r="H26" s="240"/>
      <c r="I26" s="240"/>
      <c r="J26" s="240"/>
      <c r="K26" s="240"/>
      <c r="L26" s="240"/>
      <c r="M26" s="240"/>
    </row>
    <row r="27" spans="1:13" s="239" customFormat="1" ht="38.65" customHeight="1">
      <c r="A27" s="237" t="s">
        <v>129</v>
      </c>
      <c r="B27" s="238"/>
      <c r="C27" s="250"/>
      <c r="D27" s="250"/>
      <c r="F27" s="240"/>
      <c r="G27" s="240"/>
      <c r="H27" s="240"/>
      <c r="I27" s="240"/>
      <c r="J27" s="240"/>
      <c r="K27" s="240"/>
      <c r="L27" s="240"/>
      <c r="M27" s="240"/>
    </row>
    <row r="28" spans="1:13" s="239" customFormat="1" ht="38.65" customHeight="1">
      <c r="A28" s="237"/>
      <c r="B28" s="238"/>
      <c r="C28" s="250"/>
      <c r="D28" s="250"/>
      <c r="F28" s="240"/>
      <c r="G28" s="240"/>
      <c r="H28" s="240"/>
      <c r="I28" s="240"/>
      <c r="J28" s="240"/>
      <c r="K28" s="240"/>
      <c r="L28" s="240"/>
      <c r="M28" s="240"/>
    </row>
    <row r="29" spans="1:13" s="239" customFormat="1" ht="38.65" customHeight="1">
      <c r="A29" s="237"/>
      <c r="B29" s="238"/>
      <c r="C29" s="248"/>
      <c r="D29" s="248"/>
      <c r="F29" s="240"/>
      <c r="G29" s="240"/>
      <c r="H29" s="240"/>
      <c r="I29" s="240"/>
      <c r="J29" s="240"/>
      <c r="K29" s="240"/>
      <c r="L29" s="240"/>
      <c r="M29" s="240"/>
    </row>
  </sheetData>
  <sheetProtection sheet="1" objects="1" scenarios="1"/>
  <protectedRanges>
    <protectedRange sqref="E3:E22" name="範囲1"/>
  </protectedRanges>
  <customSheetViews>
    <customSheetView guid="{75F8A93C-F5BA-4FE5-85C6-88804E4D71E6}" showPageBreaks="1" fitToPage="1" printArea="1" view="pageBreakPreview">
      <selection activeCell="D3" sqref="D3:E3"/>
      <pageMargins left="0.78740157480314965" right="0.39370078740157483" top="0.39370078740157483" bottom="0.19685039370078741" header="0.31496062992125984" footer="0.31496062992125984"/>
      <printOptions horizontalCentered="1"/>
      <pageSetup paperSize="9" scale="96" orientation="portrait" r:id="rId1"/>
      <headerFooter scaleWithDoc="0" alignWithMargins="0">
        <firstHeader>&amp;L&amp;10&amp;F</firstHeader>
      </headerFooter>
    </customSheetView>
  </customSheetViews>
  <mergeCells count="31">
    <mergeCell ref="F5:K5"/>
    <mergeCell ref="F6:K6"/>
    <mergeCell ref="F7:K7"/>
    <mergeCell ref="B8:C8"/>
    <mergeCell ref="C23:E23"/>
    <mergeCell ref="F22:G22"/>
    <mergeCell ref="D11:E11"/>
    <mergeCell ref="B24:E24"/>
    <mergeCell ref="D12:E12"/>
    <mergeCell ref="B15:C17"/>
    <mergeCell ref="D15:E15"/>
    <mergeCell ref="D18:E18"/>
    <mergeCell ref="D19:E19"/>
    <mergeCell ref="D20:E20"/>
    <mergeCell ref="D21:E21"/>
    <mergeCell ref="D22:E22"/>
    <mergeCell ref="B18:B23"/>
    <mergeCell ref="B2:E2"/>
    <mergeCell ref="B3:C3"/>
    <mergeCell ref="B4:B7"/>
    <mergeCell ref="D9:E9"/>
    <mergeCell ref="B12:C14"/>
    <mergeCell ref="D3:E3"/>
    <mergeCell ref="D4:E4"/>
    <mergeCell ref="D5:E5"/>
    <mergeCell ref="D6:E6"/>
    <mergeCell ref="D7:E7"/>
    <mergeCell ref="D8:E8"/>
    <mergeCell ref="B9:C9"/>
    <mergeCell ref="B10:B11"/>
    <mergeCell ref="D10:E10"/>
  </mergeCells>
  <phoneticPr fontId="2"/>
  <dataValidations count="3">
    <dataValidation allowBlank="1" showInputMessage="1" sqref="B18 B8 H3:I3 F27:M1048576 H19:I20 F1:I2 F10:K11 G21:I21 J1:M3 J19:L25 G23:I26 B2:B4 C29:D1048576 B25:B1048576 E25:E1048576 C25:D25 E13:E14 E16:E17 F3:F9 N1:XFD9 L4:M9 G8:K9 L10:L17 M10:XFD11 G12:K17 A1:A1048576 F12:F26 N12:XFD1048576 M12:M25 G4:K4"/>
    <dataValidation type="list" allowBlank="1" showInputMessage="1" showErrorMessage="1" sqref="D13:D14 D16:D17">
      <formula1>$A$27</formula1>
    </dataValidation>
    <dataValidation type="whole" operator="greaterThan" allowBlank="1" showInputMessage="1" showErrorMessage="1" errorTitle="ハイフン抜き" error="ハイフン抜きで入力してください。" sqref="D4:E4">
      <formula1>0</formula1>
    </dataValidation>
  </dataValidations>
  <printOptions horizontalCentered="1" verticalCentered="1"/>
  <pageMargins left="0.78740157480314965" right="0.39370078740157483" top="0.39370078740157483" bottom="0.19685039370078741" header="0.31496062992125984" footer="0.31496062992125984"/>
  <pageSetup paperSize="9" scale="85" orientation="portrait" r:id="rId2"/>
  <headerFooter scaleWithDoc="0" alignWithMargins="0">
    <firstHeader>&amp;L&amp;10&amp;F</firstHeader>
  </headerFooter>
  <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AE115"/>
  <sheetViews>
    <sheetView showZeros="0" view="pageBreakPreview" zoomScaleNormal="100" zoomScaleSheetLayoutView="100" workbookViewId="0">
      <selection activeCell="B35" sqref="B35"/>
    </sheetView>
  </sheetViews>
  <sheetFormatPr defaultColWidth="9" defaultRowHeight="14.25" outlineLevelRow="1"/>
  <cols>
    <col min="1" max="1" width="3.75" style="67" customWidth="1"/>
    <col min="2" max="2" width="16" style="67" customWidth="1"/>
    <col min="3" max="3" width="12.625" style="67" customWidth="1"/>
    <col min="4" max="4" width="13.25" style="67" customWidth="1"/>
    <col min="5" max="5" width="9.75" style="67" bestFit="1" customWidth="1"/>
    <col min="6" max="6" width="17.125" style="67" customWidth="1"/>
    <col min="7" max="7" width="16.75" style="67" customWidth="1"/>
    <col min="8" max="8" width="15.25" style="67" customWidth="1"/>
    <col min="9" max="9" width="3.5" style="67" customWidth="1"/>
    <col min="10" max="10" width="45.125" style="69" customWidth="1"/>
    <col min="11" max="11" width="18.125" style="67" customWidth="1"/>
    <col min="12" max="16384" width="9" style="67"/>
  </cols>
  <sheetData>
    <row r="1" spans="1:31" ht="32.65" customHeight="1">
      <c r="A1" s="68"/>
      <c r="B1" s="595" t="s">
        <v>203</v>
      </c>
      <c r="C1" s="595"/>
      <c r="D1" s="595"/>
      <c r="E1" s="595"/>
      <c r="F1" s="595"/>
      <c r="G1" s="595"/>
      <c r="H1" s="331"/>
      <c r="I1" s="68"/>
    </row>
    <row r="2" spans="1:31" ht="15" thickBot="1">
      <c r="A2" s="68"/>
      <c r="B2" s="68"/>
      <c r="C2" s="68"/>
      <c r="D2" s="68"/>
      <c r="E2" s="68"/>
      <c r="F2" s="70"/>
      <c r="G2" s="68"/>
      <c r="H2" s="68"/>
      <c r="I2" s="68"/>
    </row>
    <row r="3" spans="1:31" ht="28.15" customHeight="1" thickBot="1">
      <c r="A3" s="68"/>
      <c r="B3" s="68"/>
      <c r="C3" s="68"/>
      <c r="D3" s="68"/>
      <c r="F3" s="171" t="s">
        <v>49</v>
      </c>
      <c r="G3" s="596">
        <f>基礎情報!$D$9</f>
        <v>0</v>
      </c>
      <c r="H3" s="597"/>
      <c r="I3" s="68"/>
    </row>
    <row r="4" spans="1:31" ht="28.15" customHeight="1" thickBot="1">
      <c r="A4" s="68"/>
      <c r="B4" s="68"/>
      <c r="C4" s="68"/>
      <c r="D4" s="68"/>
      <c r="F4" s="171" t="s">
        <v>168</v>
      </c>
      <c r="G4" s="598">
        <f>基礎情報!$D$6</f>
        <v>0</v>
      </c>
      <c r="H4" s="598"/>
      <c r="I4" s="68"/>
    </row>
    <row r="5" spans="1:31" ht="28.15" customHeight="1" thickBot="1">
      <c r="A5" s="68"/>
      <c r="B5" s="68"/>
      <c r="C5" s="68"/>
      <c r="D5" s="68"/>
      <c r="F5" s="171" t="s">
        <v>197</v>
      </c>
      <c r="G5" s="598">
        <f>基礎情報!$D$19</f>
        <v>0</v>
      </c>
      <c r="H5" s="598"/>
      <c r="I5" s="68"/>
    </row>
    <row r="6" spans="1:31" ht="28.15" customHeight="1" thickBot="1">
      <c r="A6" s="68"/>
      <c r="B6" s="68"/>
      <c r="C6" s="68"/>
      <c r="D6" s="68"/>
      <c r="F6" s="172" t="s">
        <v>50</v>
      </c>
      <c r="G6" s="599">
        <f>基礎情報!$D$20</f>
        <v>0</v>
      </c>
      <c r="H6" s="600"/>
      <c r="I6" s="68"/>
    </row>
    <row r="7" spans="1:31" ht="15" customHeight="1">
      <c r="A7" s="68"/>
      <c r="B7" s="68"/>
      <c r="C7" s="68"/>
      <c r="D7" s="68"/>
      <c r="E7" s="71"/>
      <c r="F7" s="72"/>
      <c r="G7" s="72"/>
      <c r="H7" s="72"/>
      <c r="I7" s="68"/>
    </row>
    <row r="8" spans="1:31" ht="48" customHeight="1">
      <c r="A8" s="68"/>
      <c r="B8" s="590" t="s">
        <v>220</v>
      </c>
      <c r="C8" s="590"/>
      <c r="D8" s="590"/>
      <c r="E8" s="590"/>
      <c r="F8" s="590"/>
      <c r="G8" s="590"/>
      <c r="H8" s="325"/>
      <c r="I8" s="68"/>
    </row>
    <row r="9" spans="1:31" ht="15" customHeight="1">
      <c r="A9" s="68"/>
      <c r="B9" s="208"/>
      <c r="C9" s="208"/>
      <c r="D9" s="208"/>
      <c r="E9" s="208"/>
      <c r="F9" s="208"/>
      <c r="G9" s="208"/>
      <c r="H9" s="325"/>
      <c r="I9" s="68"/>
    </row>
    <row r="10" spans="1:31" ht="24" customHeight="1">
      <c r="A10" s="113" t="s">
        <v>91</v>
      </c>
      <c r="B10" s="110"/>
      <c r="C10" s="114"/>
      <c r="D10" s="115"/>
      <c r="E10" s="115"/>
      <c r="F10" s="115"/>
      <c r="G10" s="115"/>
      <c r="H10" s="115"/>
      <c r="I10" s="115"/>
      <c r="J10" s="73"/>
      <c r="K10" s="74"/>
      <c r="L10" s="74"/>
      <c r="M10" s="74"/>
      <c r="N10" s="74"/>
      <c r="O10" s="74"/>
      <c r="P10" s="74"/>
      <c r="Q10" s="74"/>
      <c r="R10" s="74"/>
      <c r="S10" s="74"/>
      <c r="T10" s="74"/>
      <c r="U10" s="74"/>
      <c r="V10" s="74"/>
      <c r="W10" s="74"/>
      <c r="X10" s="74"/>
      <c r="Y10" s="74"/>
      <c r="Z10" s="74"/>
      <c r="AA10" s="74"/>
      <c r="AB10" s="74"/>
      <c r="AC10" s="74"/>
      <c r="AD10" s="74"/>
      <c r="AE10" s="74"/>
    </row>
    <row r="11" spans="1:31" s="79" customFormat="1" ht="24" customHeight="1" thickBot="1">
      <c r="A11" s="75"/>
      <c r="B11" s="583" t="s">
        <v>92</v>
      </c>
      <c r="C11" s="583"/>
      <c r="D11" s="583"/>
      <c r="E11" s="583"/>
      <c r="F11" s="583"/>
      <c r="G11" s="583"/>
      <c r="H11" s="327"/>
      <c r="I11" s="76"/>
      <c r="J11" s="77"/>
      <c r="K11" s="78"/>
      <c r="L11" s="78"/>
      <c r="M11" s="78"/>
      <c r="N11" s="78"/>
      <c r="O11" s="78"/>
      <c r="P11" s="78"/>
      <c r="Q11" s="78"/>
      <c r="R11" s="78"/>
      <c r="S11" s="78"/>
      <c r="T11" s="78"/>
      <c r="U11" s="78"/>
      <c r="V11" s="78"/>
      <c r="W11" s="78"/>
      <c r="X11" s="78"/>
      <c r="Y11" s="78"/>
      <c r="Z11" s="78"/>
      <c r="AA11" s="78"/>
      <c r="AB11" s="78"/>
      <c r="AC11" s="78"/>
      <c r="AD11" s="78"/>
    </row>
    <row r="12" spans="1:31" s="79" customFormat="1" ht="32.65" customHeight="1">
      <c r="A12" s="75"/>
      <c r="B12" s="338" t="s">
        <v>21</v>
      </c>
      <c r="C12" s="601" t="s">
        <v>255</v>
      </c>
      <c r="D12" s="601"/>
      <c r="E12" s="601"/>
      <c r="F12" s="601"/>
      <c r="G12" s="601"/>
      <c r="H12" s="602"/>
      <c r="I12" s="80"/>
      <c r="J12" s="81"/>
      <c r="K12" s="82"/>
      <c r="L12" s="82"/>
      <c r="M12" s="82"/>
      <c r="N12" s="82"/>
      <c r="O12" s="82"/>
      <c r="P12" s="82"/>
      <c r="Q12" s="82"/>
      <c r="R12" s="82"/>
      <c r="S12" s="82"/>
      <c r="T12" s="82"/>
      <c r="U12" s="82"/>
      <c r="V12" s="82"/>
      <c r="W12" s="82"/>
      <c r="X12" s="82"/>
      <c r="Y12" s="82"/>
      <c r="Z12" s="82"/>
      <c r="AA12" s="82"/>
      <c r="AB12" s="82"/>
      <c r="AC12" s="82"/>
      <c r="AD12" s="82"/>
    </row>
    <row r="13" spans="1:31" s="79" customFormat="1" ht="32.65" customHeight="1">
      <c r="A13" s="75"/>
      <c r="B13" s="340"/>
      <c r="C13" s="83">
        <v>1</v>
      </c>
      <c r="D13" s="573" t="s">
        <v>100</v>
      </c>
      <c r="E13" s="573"/>
      <c r="F13" s="573"/>
      <c r="G13" s="573"/>
      <c r="H13" s="574"/>
      <c r="I13" s="84"/>
      <c r="J13" s="81"/>
      <c r="K13" s="82"/>
      <c r="L13" s="82"/>
      <c r="M13" s="82"/>
      <c r="N13" s="82"/>
      <c r="O13" s="82"/>
      <c r="P13" s="82"/>
      <c r="Q13" s="82"/>
      <c r="R13" s="82"/>
      <c r="S13" s="82"/>
      <c r="T13" s="82"/>
      <c r="U13" s="82"/>
      <c r="V13" s="82"/>
      <c r="W13" s="82"/>
      <c r="X13" s="82"/>
      <c r="Y13" s="82"/>
      <c r="Z13" s="82"/>
      <c r="AA13" s="82"/>
      <c r="AB13" s="82"/>
      <c r="AC13" s="82"/>
      <c r="AD13" s="82"/>
    </row>
    <row r="14" spans="1:31" s="79" customFormat="1" ht="32.65" customHeight="1">
      <c r="A14" s="75"/>
      <c r="B14" s="340"/>
      <c r="C14" s="83">
        <v>2</v>
      </c>
      <c r="D14" s="573" t="s">
        <v>93</v>
      </c>
      <c r="E14" s="573"/>
      <c r="F14" s="573"/>
      <c r="G14" s="573"/>
      <c r="H14" s="574"/>
      <c r="I14" s="84"/>
      <c r="J14" s="81"/>
      <c r="K14" s="82"/>
      <c r="L14" s="82"/>
      <c r="M14" s="82"/>
      <c r="N14" s="82"/>
      <c r="O14" s="82"/>
      <c r="P14" s="82"/>
      <c r="Q14" s="82"/>
      <c r="R14" s="82"/>
      <c r="S14" s="82"/>
      <c r="T14" s="82"/>
      <c r="U14" s="82"/>
      <c r="V14" s="82"/>
      <c r="W14" s="82"/>
      <c r="X14" s="82"/>
      <c r="Y14" s="82"/>
      <c r="Z14" s="82"/>
      <c r="AA14" s="82"/>
      <c r="AB14" s="82"/>
      <c r="AC14" s="82"/>
      <c r="AD14" s="82"/>
    </row>
    <row r="15" spans="1:31" s="79" customFormat="1" ht="32.65" customHeight="1">
      <c r="A15" s="75"/>
      <c r="B15" s="340"/>
      <c r="C15" s="83">
        <v>3</v>
      </c>
      <c r="D15" s="573" t="s">
        <v>172</v>
      </c>
      <c r="E15" s="573"/>
      <c r="F15" s="573"/>
      <c r="G15" s="573"/>
      <c r="H15" s="574"/>
      <c r="I15" s="84"/>
      <c r="J15" s="81"/>
      <c r="K15" s="82"/>
      <c r="L15" s="82"/>
      <c r="M15" s="82"/>
      <c r="N15" s="82"/>
      <c r="O15" s="82"/>
      <c r="P15" s="82"/>
      <c r="Q15" s="82"/>
      <c r="R15" s="82"/>
      <c r="S15" s="82"/>
      <c r="T15" s="82"/>
      <c r="U15" s="82"/>
      <c r="V15" s="82"/>
      <c r="W15" s="82"/>
      <c r="X15" s="82"/>
      <c r="Y15" s="82"/>
      <c r="Z15" s="82"/>
      <c r="AA15" s="82"/>
      <c r="AB15" s="82"/>
      <c r="AC15" s="82"/>
      <c r="AD15" s="82"/>
    </row>
    <row r="16" spans="1:31" s="79" customFormat="1" ht="32.65" customHeight="1" thickBot="1">
      <c r="A16" s="75"/>
      <c r="B16" s="341"/>
      <c r="C16" s="85">
        <v>4</v>
      </c>
      <c r="D16" s="575" t="s">
        <v>256</v>
      </c>
      <c r="E16" s="575"/>
      <c r="F16" s="575"/>
      <c r="G16" s="575"/>
      <c r="H16" s="576"/>
      <c r="I16" s="84"/>
      <c r="J16" s="81"/>
      <c r="K16" s="82"/>
      <c r="L16" s="82"/>
      <c r="M16" s="82"/>
      <c r="N16" s="82"/>
      <c r="O16" s="82"/>
      <c r="P16" s="82"/>
      <c r="Q16" s="82"/>
      <c r="R16" s="82"/>
      <c r="S16" s="82"/>
      <c r="T16" s="82"/>
      <c r="U16" s="82"/>
      <c r="V16" s="82"/>
      <c r="W16" s="82"/>
      <c r="X16" s="82"/>
      <c r="Y16" s="82"/>
      <c r="Z16" s="82"/>
      <c r="AA16" s="82"/>
      <c r="AB16" s="82"/>
      <c r="AC16" s="82"/>
      <c r="AD16" s="82"/>
    </row>
    <row r="17" spans="1:30" s="79" customFormat="1" ht="33.75" customHeight="1">
      <c r="A17" s="75"/>
      <c r="B17" s="553" t="s">
        <v>215</v>
      </c>
      <c r="C17" s="553"/>
      <c r="D17" s="553"/>
      <c r="E17" s="553"/>
      <c r="F17" s="553"/>
      <c r="G17" s="553"/>
      <c r="H17" s="553"/>
      <c r="I17" s="76"/>
      <c r="J17" s="77"/>
      <c r="K17" s="78"/>
      <c r="L17" s="78"/>
      <c r="M17" s="78"/>
      <c r="N17" s="78"/>
      <c r="O17" s="78"/>
      <c r="P17" s="78"/>
      <c r="Q17" s="78"/>
      <c r="R17" s="78"/>
      <c r="S17" s="78"/>
      <c r="T17" s="78"/>
      <c r="U17" s="78"/>
      <c r="V17" s="78"/>
      <c r="W17" s="78"/>
      <c r="X17" s="78"/>
      <c r="Y17" s="78"/>
      <c r="Z17" s="78"/>
      <c r="AA17" s="78"/>
      <c r="AB17" s="78"/>
      <c r="AC17" s="78"/>
      <c r="AD17" s="78"/>
    </row>
    <row r="18" spans="1:30" s="79" customFormat="1" ht="15" customHeight="1">
      <c r="A18" s="75"/>
      <c r="B18" s="211"/>
      <c r="C18" s="211"/>
      <c r="D18" s="211"/>
      <c r="E18" s="211"/>
      <c r="F18" s="211"/>
      <c r="G18" s="211"/>
      <c r="H18" s="329"/>
      <c r="I18" s="76"/>
      <c r="J18" s="77"/>
      <c r="K18" s="78"/>
      <c r="L18" s="78"/>
      <c r="M18" s="78"/>
      <c r="N18" s="78"/>
      <c r="O18" s="78"/>
      <c r="P18" s="78"/>
      <c r="Q18" s="78"/>
      <c r="R18" s="78"/>
      <c r="S18" s="78"/>
      <c r="T18" s="78"/>
      <c r="U18" s="78"/>
      <c r="V18" s="78"/>
      <c r="W18" s="78"/>
      <c r="X18" s="78"/>
      <c r="Y18" s="78"/>
      <c r="Z18" s="78"/>
      <c r="AA18" s="78"/>
      <c r="AB18" s="78"/>
      <c r="AC18" s="78"/>
      <c r="AD18" s="78"/>
    </row>
    <row r="19" spans="1:30" s="79" customFormat="1" ht="24" customHeight="1" thickBot="1">
      <c r="A19" s="75"/>
      <c r="B19" s="583" t="s">
        <v>94</v>
      </c>
      <c r="C19" s="583"/>
      <c r="D19" s="583"/>
      <c r="E19" s="583"/>
      <c r="F19" s="583"/>
      <c r="G19" s="583"/>
      <c r="H19" s="327"/>
      <c r="I19" s="76"/>
      <c r="J19" s="77"/>
      <c r="K19" s="78"/>
      <c r="L19" s="78"/>
      <c r="M19" s="78"/>
      <c r="N19" s="78"/>
      <c r="O19" s="78"/>
      <c r="P19" s="78"/>
      <c r="Q19" s="78"/>
      <c r="R19" s="78"/>
      <c r="S19" s="78"/>
      <c r="T19" s="78"/>
      <c r="U19" s="78"/>
      <c r="V19" s="78"/>
      <c r="W19" s="78"/>
      <c r="X19" s="78"/>
      <c r="Y19" s="78"/>
      <c r="Z19" s="78"/>
      <c r="AA19" s="78"/>
      <c r="AB19" s="78"/>
      <c r="AC19" s="78"/>
      <c r="AD19" s="78"/>
    </row>
    <row r="20" spans="1:30" s="79" customFormat="1" ht="32.65" customHeight="1">
      <c r="A20" s="75"/>
      <c r="B20" s="338" t="s">
        <v>21</v>
      </c>
      <c r="C20" s="577" t="s">
        <v>95</v>
      </c>
      <c r="D20" s="577"/>
      <c r="E20" s="577"/>
      <c r="F20" s="577"/>
      <c r="G20" s="577"/>
      <c r="H20" s="578"/>
      <c r="I20" s="80"/>
      <c r="J20" s="109"/>
      <c r="K20" s="82"/>
      <c r="L20" s="82"/>
      <c r="M20" s="82"/>
      <c r="N20" s="82"/>
      <c r="O20" s="82"/>
      <c r="P20" s="82"/>
      <c r="Q20" s="82"/>
      <c r="R20" s="82"/>
      <c r="S20" s="82"/>
      <c r="T20" s="82"/>
      <c r="U20" s="82"/>
      <c r="V20" s="82"/>
      <c r="W20" s="82"/>
      <c r="X20" s="82"/>
      <c r="Y20" s="82"/>
      <c r="Z20" s="82"/>
      <c r="AA20" s="82"/>
      <c r="AB20" s="82"/>
      <c r="AC20" s="82"/>
      <c r="AD20" s="82"/>
    </row>
    <row r="21" spans="1:30" s="79" customFormat="1" ht="32.65" customHeight="1">
      <c r="A21" s="75"/>
      <c r="B21" s="340"/>
      <c r="C21" s="83">
        <v>1</v>
      </c>
      <c r="D21" s="579" t="s">
        <v>268</v>
      </c>
      <c r="E21" s="579"/>
      <c r="F21" s="579"/>
      <c r="G21" s="579"/>
      <c r="H21" s="580"/>
      <c r="I21" s="84"/>
      <c r="J21" s="81"/>
      <c r="K21" s="82"/>
      <c r="L21" s="82"/>
      <c r="M21" s="82"/>
      <c r="N21" s="82"/>
      <c r="O21" s="82"/>
      <c r="P21" s="82"/>
      <c r="Q21" s="82"/>
      <c r="R21" s="82"/>
      <c r="S21" s="82"/>
      <c r="T21" s="82"/>
      <c r="U21" s="82"/>
      <c r="V21" s="82"/>
      <c r="W21" s="82"/>
      <c r="X21" s="82"/>
      <c r="Y21" s="82"/>
      <c r="Z21" s="82"/>
      <c r="AA21" s="82"/>
      <c r="AB21" s="82"/>
      <c r="AC21" s="82"/>
      <c r="AD21" s="82"/>
    </row>
    <row r="22" spans="1:30" s="79" customFormat="1" ht="32.65" customHeight="1" thickBot="1">
      <c r="A22" s="75"/>
      <c r="B22" s="341"/>
      <c r="C22" s="85">
        <v>2</v>
      </c>
      <c r="D22" s="581" t="s">
        <v>269</v>
      </c>
      <c r="E22" s="581"/>
      <c r="F22" s="581"/>
      <c r="G22" s="581"/>
      <c r="H22" s="582"/>
      <c r="I22" s="84"/>
      <c r="J22" s="81"/>
      <c r="K22" s="82"/>
      <c r="L22" s="82"/>
      <c r="M22" s="82"/>
      <c r="N22" s="82"/>
      <c r="O22" s="82"/>
      <c r="P22" s="82"/>
      <c r="Q22" s="82"/>
      <c r="R22" s="82"/>
      <c r="S22" s="82"/>
      <c r="T22" s="82"/>
      <c r="U22" s="82"/>
      <c r="V22" s="82"/>
      <c r="W22" s="82"/>
      <c r="X22" s="82"/>
      <c r="Y22" s="82"/>
      <c r="Z22" s="82"/>
      <c r="AA22" s="82"/>
      <c r="AB22" s="82"/>
      <c r="AC22" s="82"/>
      <c r="AD22" s="82"/>
    </row>
    <row r="23" spans="1:30" s="79" customFormat="1" ht="15" customHeight="1">
      <c r="A23" s="75"/>
      <c r="B23" s="585" t="s">
        <v>173</v>
      </c>
      <c r="C23" s="585"/>
      <c r="D23" s="585"/>
      <c r="E23" s="585"/>
      <c r="F23" s="585"/>
      <c r="G23" s="585"/>
      <c r="H23" s="330"/>
      <c r="I23" s="80"/>
      <c r="J23" s="81"/>
      <c r="K23" s="82"/>
      <c r="L23" s="82"/>
      <c r="M23" s="82"/>
      <c r="N23" s="82"/>
      <c r="O23" s="82"/>
      <c r="P23" s="82"/>
      <c r="Q23" s="82"/>
      <c r="R23" s="82"/>
      <c r="S23" s="82"/>
      <c r="T23" s="82"/>
      <c r="U23" s="82"/>
      <c r="V23" s="82"/>
      <c r="W23" s="82"/>
      <c r="X23" s="82"/>
      <c r="Y23" s="82"/>
      <c r="Z23" s="82"/>
      <c r="AA23" s="82"/>
      <c r="AB23" s="82"/>
      <c r="AC23" s="82"/>
      <c r="AD23" s="82"/>
    </row>
    <row r="24" spans="1:30" s="79" customFormat="1" ht="15" customHeight="1">
      <c r="A24" s="75"/>
      <c r="B24" s="209"/>
      <c r="C24" s="209"/>
      <c r="D24" s="209"/>
      <c r="E24" s="209"/>
      <c r="F24" s="209"/>
      <c r="G24" s="209"/>
      <c r="H24" s="330"/>
      <c r="I24" s="80"/>
      <c r="J24" s="81"/>
      <c r="K24" s="82"/>
      <c r="L24" s="82"/>
      <c r="M24" s="82"/>
      <c r="N24" s="82"/>
      <c r="O24" s="82"/>
      <c r="P24" s="82"/>
      <c r="Q24" s="82"/>
      <c r="R24" s="82"/>
      <c r="S24" s="82"/>
      <c r="T24" s="82"/>
      <c r="U24" s="82"/>
      <c r="V24" s="82"/>
      <c r="W24" s="82"/>
      <c r="X24" s="82"/>
      <c r="Y24" s="82"/>
      <c r="Z24" s="82"/>
      <c r="AA24" s="82"/>
      <c r="AB24" s="82"/>
      <c r="AC24" s="82"/>
      <c r="AD24" s="82"/>
    </row>
    <row r="25" spans="1:30" s="79" customFormat="1" ht="24" customHeight="1" thickBot="1">
      <c r="A25" s="75"/>
      <c r="B25" s="583" t="s">
        <v>111</v>
      </c>
      <c r="C25" s="583"/>
      <c r="D25" s="583"/>
      <c r="E25" s="583"/>
      <c r="F25" s="583"/>
      <c r="G25" s="583"/>
      <c r="H25" s="327"/>
      <c r="I25" s="76"/>
      <c r="J25" s="77"/>
      <c r="K25" s="78"/>
      <c r="L25" s="78"/>
      <c r="M25" s="78"/>
      <c r="N25" s="78"/>
      <c r="O25" s="78"/>
      <c r="P25" s="78"/>
      <c r="Q25" s="78"/>
      <c r="R25" s="78"/>
      <c r="S25" s="78"/>
      <c r="T25" s="78"/>
      <c r="U25" s="78"/>
      <c r="V25" s="78"/>
      <c r="W25" s="78"/>
      <c r="X25" s="78"/>
      <c r="Y25" s="78"/>
      <c r="Z25" s="78"/>
      <c r="AA25" s="78"/>
      <c r="AB25" s="78"/>
      <c r="AC25" s="78"/>
      <c r="AD25" s="78"/>
    </row>
    <row r="26" spans="1:30" s="79" customFormat="1" ht="32.65" customHeight="1">
      <c r="A26" s="75"/>
      <c r="B26" s="338" t="s">
        <v>21</v>
      </c>
      <c r="C26" s="577" t="s">
        <v>97</v>
      </c>
      <c r="D26" s="577"/>
      <c r="E26" s="577"/>
      <c r="F26" s="577"/>
      <c r="G26" s="577"/>
      <c r="H26" s="578"/>
      <c r="I26" s="80"/>
      <c r="J26" s="81"/>
      <c r="K26" s="82"/>
      <c r="L26" s="82"/>
      <c r="M26" s="82"/>
      <c r="N26" s="82"/>
      <c r="O26" s="82"/>
      <c r="P26" s="82"/>
      <c r="Q26" s="82"/>
      <c r="R26" s="82"/>
      <c r="S26" s="82"/>
      <c r="T26" s="82"/>
      <c r="U26" s="82"/>
      <c r="V26" s="82"/>
      <c r="W26" s="82"/>
      <c r="X26" s="82"/>
      <c r="Y26" s="82"/>
      <c r="Z26" s="82"/>
      <c r="AA26" s="82"/>
      <c r="AB26" s="82"/>
      <c r="AC26" s="82"/>
      <c r="AD26" s="82"/>
    </row>
    <row r="27" spans="1:30" s="79" customFormat="1" ht="32.65" customHeight="1">
      <c r="A27" s="75"/>
      <c r="B27" s="340"/>
      <c r="C27" s="83">
        <v>1</v>
      </c>
      <c r="D27" s="579" t="s">
        <v>98</v>
      </c>
      <c r="E27" s="579"/>
      <c r="F27" s="579"/>
      <c r="G27" s="579"/>
      <c r="H27" s="580"/>
      <c r="I27" s="84"/>
      <c r="J27" s="81"/>
      <c r="K27" s="82"/>
      <c r="L27" s="82"/>
      <c r="M27" s="82"/>
      <c r="N27" s="82"/>
      <c r="O27" s="82"/>
      <c r="P27" s="82"/>
      <c r="Q27" s="82"/>
      <c r="R27" s="82"/>
      <c r="S27" s="82"/>
      <c r="T27" s="82"/>
      <c r="U27" s="82"/>
      <c r="V27" s="82"/>
      <c r="W27" s="82"/>
      <c r="X27" s="82"/>
      <c r="Y27" s="82"/>
      <c r="Z27" s="82"/>
      <c r="AA27" s="82"/>
      <c r="AB27" s="82"/>
      <c r="AC27" s="82"/>
      <c r="AD27" s="82"/>
    </row>
    <row r="28" spans="1:30" s="79" customFormat="1" ht="32.65" customHeight="1" thickBot="1">
      <c r="A28" s="75"/>
      <c r="B28" s="341"/>
      <c r="C28" s="85">
        <v>2</v>
      </c>
      <c r="D28" s="581" t="s">
        <v>99</v>
      </c>
      <c r="E28" s="581"/>
      <c r="F28" s="581"/>
      <c r="G28" s="581"/>
      <c r="H28" s="582"/>
      <c r="I28" s="84"/>
      <c r="J28" s="81"/>
      <c r="K28" s="82"/>
      <c r="L28" s="82"/>
      <c r="M28" s="82"/>
      <c r="N28" s="82"/>
      <c r="O28" s="82"/>
      <c r="P28" s="82"/>
      <c r="Q28" s="82"/>
      <c r="R28" s="82"/>
      <c r="S28" s="82"/>
      <c r="T28" s="82"/>
      <c r="U28" s="82"/>
      <c r="V28" s="82"/>
      <c r="W28" s="82"/>
      <c r="X28" s="82"/>
      <c r="Y28" s="82"/>
      <c r="Z28" s="82"/>
      <c r="AA28" s="82"/>
      <c r="AB28" s="82"/>
      <c r="AC28" s="82"/>
      <c r="AD28" s="82"/>
    </row>
    <row r="29" spans="1:30" s="79" customFormat="1" ht="32.65" customHeight="1">
      <c r="A29" s="75"/>
      <c r="B29" s="586" t="s">
        <v>174</v>
      </c>
      <c r="C29" s="586"/>
      <c r="D29" s="586"/>
      <c r="E29" s="586"/>
      <c r="F29" s="586"/>
      <c r="G29" s="586"/>
      <c r="H29" s="586"/>
      <c r="I29" s="80"/>
      <c r="J29" s="81"/>
      <c r="K29" s="82"/>
      <c r="L29" s="82"/>
      <c r="M29" s="82"/>
      <c r="N29" s="82"/>
      <c r="O29" s="82"/>
      <c r="P29" s="82"/>
      <c r="Q29" s="82"/>
      <c r="R29" s="82"/>
      <c r="S29" s="82"/>
      <c r="T29" s="82"/>
      <c r="U29" s="82"/>
      <c r="V29" s="82"/>
      <c r="W29" s="82"/>
      <c r="X29" s="82"/>
      <c r="Y29" s="82"/>
      <c r="Z29" s="82"/>
      <c r="AA29" s="82"/>
      <c r="AB29" s="82"/>
      <c r="AC29" s="82"/>
      <c r="AD29" s="82"/>
    </row>
    <row r="30" spans="1:30" ht="75.75" customHeight="1">
      <c r="A30" s="68"/>
      <c r="B30" s="587" t="s">
        <v>257</v>
      </c>
      <c r="C30" s="587"/>
      <c r="D30" s="587"/>
      <c r="E30" s="587"/>
      <c r="F30" s="587"/>
      <c r="G30" s="587"/>
      <c r="H30" s="587"/>
      <c r="I30" s="86"/>
      <c r="J30" s="87"/>
      <c r="K30" s="88"/>
      <c r="L30" s="88"/>
      <c r="M30" s="88"/>
      <c r="N30" s="88"/>
      <c r="O30" s="88"/>
      <c r="P30" s="88"/>
      <c r="Q30" s="88"/>
      <c r="R30" s="88"/>
      <c r="S30" s="88"/>
      <c r="T30" s="88"/>
      <c r="U30" s="88"/>
      <c r="V30" s="88"/>
      <c r="W30" s="88"/>
      <c r="X30" s="88"/>
      <c r="Y30" s="88"/>
      <c r="Z30" s="88"/>
      <c r="AA30" s="88"/>
      <c r="AB30" s="88"/>
      <c r="AC30" s="88"/>
      <c r="AD30" s="88"/>
    </row>
    <row r="31" spans="1:30" ht="15" customHeight="1">
      <c r="A31" s="68"/>
      <c r="B31" s="211"/>
      <c r="C31" s="211"/>
      <c r="D31" s="211"/>
      <c r="E31" s="211"/>
      <c r="F31" s="211"/>
      <c r="G31" s="211"/>
      <c r="H31" s="329"/>
      <c r="I31" s="86"/>
      <c r="J31" s="87"/>
      <c r="K31" s="88"/>
      <c r="L31" s="88"/>
      <c r="M31" s="88"/>
      <c r="N31" s="88"/>
      <c r="O31" s="88"/>
      <c r="P31" s="88"/>
      <c r="Q31" s="88"/>
      <c r="R31" s="88"/>
      <c r="S31" s="88"/>
      <c r="T31" s="88"/>
      <c r="U31" s="88"/>
      <c r="V31" s="88"/>
      <c r="W31" s="88"/>
      <c r="X31" s="88"/>
      <c r="Y31" s="88"/>
      <c r="Z31" s="88"/>
      <c r="AA31" s="88"/>
      <c r="AB31" s="88"/>
      <c r="AC31" s="88"/>
      <c r="AD31" s="88"/>
    </row>
    <row r="32" spans="1:30" ht="24" customHeight="1">
      <c r="A32" s="116" t="s">
        <v>52</v>
      </c>
      <c r="B32" s="110"/>
      <c r="C32" s="117"/>
      <c r="D32" s="118"/>
      <c r="E32" s="118"/>
      <c r="F32" s="118"/>
      <c r="G32" s="118"/>
      <c r="H32" s="118"/>
      <c r="I32" s="119"/>
    </row>
    <row r="33" spans="1:11" ht="21" customHeight="1">
      <c r="A33" s="68"/>
      <c r="B33" s="89" t="s">
        <v>175</v>
      </c>
      <c r="C33" s="90"/>
      <c r="D33" s="208"/>
      <c r="E33" s="208"/>
      <c r="F33" s="208"/>
      <c r="G33" s="208"/>
      <c r="H33" s="325"/>
      <c r="I33" s="68"/>
      <c r="J33" s="69" t="s">
        <v>333</v>
      </c>
    </row>
    <row r="34" spans="1:11" ht="24" customHeight="1" thickBot="1">
      <c r="A34" s="68"/>
      <c r="B34" s="91" t="s">
        <v>126</v>
      </c>
      <c r="C34" s="90"/>
      <c r="D34" s="208"/>
      <c r="E34" s="208"/>
      <c r="F34" s="208"/>
      <c r="G34" s="208"/>
      <c r="H34" s="325"/>
      <c r="I34" s="68"/>
      <c r="J34" s="69" t="s">
        <v>335</v>
      </c>
    </row>
    <row r="35" spans="1:11" ht="32.65" customHeight="1" thickBot="1">
      <c r="A35" s="68"/>
      <c r="B35" s="252"/>
      <c r="C35" s="1093" t="s">
        <v>435</v>
      </c>
      <c r="D35" s="1094"/>
      <c r="E35" s="1094"/>
      <c r="F35" s="1094"/>
      <c r="G35" s="1094"/>
      <c r="H35" s="1094"/>
      <c r="I35" s="68"/>
      <c r="J35" s="69" t="s">
        <v>334</v>
      </c>
    </row>
    <row r="36" spans="1:11" ht="15" customHeight="1">
      <c r="A36" s="68"/>
      <c r="B36" s="92"/>
      <c r="C36" s="90"/>
      <c r="D36" s="208"/>
      <c r="E36" s="208"/>
      <c r="F36" s="208"/>
      <c r="G36" s="208"/>
      <c r="H36" s="325"/>
      <c r="I36" s="68"/>
    </row>
    <row r="37" spans="1:11" ht="21" hidden="1" customHeight="1" outlineLevel="1">
      <c r="A37" s="68"/>
      <c r="B37" s="89" t="s">
        <v>176</v>
      </c>
      <c r="C37" s="90"/>
      <c r="D37" s="208"/>
      <c r="E37" s="208"/>
      <c r="F37" s="208"/>
      <c r="G37" s="208"/>
      <c r="H37" s="325"/>
      <c r="I37" s="68"/>
    </row>
    <row r="38" spans="1:11" ht="24" hidden="1" customHeight="1" outlineLevel="1" thickBot="1">
      <c r="A38" s="68"/>
      <c r="B38" s="217" t="s">
        <v>114</v>
      </c>
      <c r="C38" s="111"/>
      <c r="D38" s="208"/>
      <c r="E38" s="208"/>
      <c r="F38" s="208"/>
      <c r="G38" s="208"/>
      <c r="H38" s="325"/>
      <c r="I38" s="68"/>
      <c r="J38" s="69" t="s">
        <v>118</v>
      </c>
      <c r="K38" s="68">
        <f>SUM(E47:E56)</f>
        <v>0</v>
      </c>
    </row>
    <row r="39" spans="1:11" ht="32.65" hidden="1" customHeight="1" outlineLevel="1" thickBot="1">
      <c r="A39" s="68"/>
      <c r="B39" s="253"/>
      <c r="C39" s="112" t="s">
        <v>115</v>
      </c>
      <c r="D39" s="208"/>
      <c r="E39" s="208"/>
      <c r="F39" s="208"/>
      <c r="G39" s="208"/>
      <c r="H39" s="325"/>
      <c r="I39" s="68"/>
      <c r="J39" s="69" t="s">
        <v>117</v>
      </c>
      <c r="K39" s="93">
        <v>4320000</v>
      </c>
    </row>
    <row r="40" spans="1:11" ht="15" customHeight="1" collapsed="1">
      <c r="A40" s="68"/>
      <c r="B40" s="90"/>
      <c r="C40" s="90"/>
      <c r="D40" s="208"/>
      <c r="E40" s="208"/>
      <c r="F40" s="208"/>
      <c r="G40" s="208"/>
      <c r="H40" s="325"/>
      <c r="I40" s="68"/>
      <c r="J40" s="69" t="s">
        <v>116</v>
      </c>
      <c r="K40" s="67">
        <f>K38*K39</f>
        <v>0</v>
      </c>
    </row>
    <row r="41" spans="1:11" ht="32.65" customHeight="1">
      <c r="A41" s="68"/>
      <c r="B41" s="584" t="s">
        <v>177</v>
      </c>
      <c r="C41" s="584"/>
      <c r="D41" s="584"/>
      <c r="E41" s="584"/>
      <c r="F41" s="584"/>
      <c r="G41" s="584"/>
      <c r="H41" s="584"/>
      <c r="I41" s="68"/>
    </row>
    <row r="42" spans="1:11" ht="23.25" customHeight="1" thickBot="1">
      <c r="A42" s="68"/>
      <c r="B42" s="91" t="s">
        <v>178</v>
      </c>
      <c r="C42" s="208"/>
      <c r="D42" s="208"/>
      <c r="E42" s="208"/>
      <c r="F42" s="208"/>
      <c r="G42" s="208"/>
      <c r="H42" s="325"/>
      <c r="I42" s="68"/>
    </row>
    <row r="43" spans="1:11" ht="32.65" customHeight="1" thickBot="1">
      <c r="A43" s="68"/>
      <c r="B43" s="254">
        <v>0</v>
      </c>
      <c r="C43" s="208" t="s">
        <v>115</v>
      </c>
      <c r="D43" s="208"/>
      <c r="E43" s="208"/>
      <c r="F43" s="208"/>
      <c r="G43" s="208"/>
      <c r="H43" s="325"/>
      <c r="I43" s="68"/>
    </row>
    <row r="44" spans="1:11" ht="15" customHeight="1">
      <c r="A44" s="68"/>
      <c r="B44" s="90"/>
      <c r="C44" s="90"/>
      <c r="D44" s="208"/>
      <c r="E44" s="208"/>
      <c r="F44" s="208"/>
      <c r="G44" s="208"/>
      <c r="H44" s="325"/>
      <c r="I44" s="68"/>
    </row>
    <row r="45" spans="1:11" ht="31.9" customHeight="1" thickBot="1">
      <c r="A45" s="68"/>
      <c r="B45" s="552" t="s">
        <v>426</v>
      </c>
      <c r="C45" s="552"/>
      <c r="D45" s="552"/>
      <c r="E45" s="552"/>
      <c r="F45" s="552"/>
      <c r="G45" s="552"/>
      <c r="H45" s="552"/>
      <c r="I45" s="68"/>
      <c r="J45" s="69" t="s">
        <v>119</v>
      </c>
      <c r="K45" s="68">
        <f>G57+G111-B62</f>
        <v>0</v>
      </c>
    </row>
    <row r="46" spans="1:11" ht="32.65" customHeight="1">
      <c r="A46" s="68"/>
      <c r="B46" s="167" t="s">
        <v>258</v>
      </c>
      <c r="C46" s="554" t="s">
        <v>344</v>
      </c>
      <c r="D46" s="555"/>
      <c r="E46" s="168" t="s">
        <v>170</v>
      </c>
      <c r="F46" s="168" t="s">
        <v>242</v>
      </c>
      <c r="G46" s="344" t="s">
        <v>179</v>
      </c>
      <c r="H46" s="169" t="s">
        <v>332</v>
      </c>
      <c r="I46" s="68"/>
      <c r="J46" s="94"/>
      <c r="K46" s="68">
        <f>SUM(E47:E56)</f>
        <v>0</v>
      </c>
    </row>
    <row r="47" spans="1:11" ht="32.65" customHeight="1">
      <c r="A47" s="68"/>
      <c r="B47" s="255"/>
      <c r="C47" s="556"/>
      <c r="D47" s="557"/>
      <c r="E47" s="345"/>
      <c r="F47" s="346"/>
      <c r="G47" s="399">
        <f>E47*F47</f>
        <v>0</v>
      </c>
      <c r="H47" s="352"/>
      <c r="I47" s="68"/>
    </row>
    <row r="48" spans="1:11" ht="32.65" customHeight="1">
      <c r="A48" s="68"/>
      <c r="B48" s="256"/>
      <c r="C48" s="556"/>
      <c r="D48" s="557"/>
      <c r="E48" s="348"/>
      <c r="F48" s="349"/>
      <c r="G48" s="399">
        <f t="shared" ref="G48:G56" si="0">E48*F48</f>
        <v>0</v>
      </c>
      <c r="H48" s="353"/>
      <c r="I48" s="68"/>
    </row>
    <row r="49" spans="1:10" ht="32.65" customHeight="1">
      <c r="A49" s="68"/>
      <c r="B49" s="256"/>
      <c r="C49" s="556"/>
      <c r="D49" s="557"/>
      <c r="E49" s="348"/>
      <c r="F49" s="349"/>
      <c r="G49" s="399">
        <f t="shared" si="0"/>
        <v>0</v>
      </c>
      <c r="H49" s="353"/>
      <c r="I49" s="68"/>
    </row>
    <row r="50" spans="1:10" ht="32.65" customHeight="1">
      <c r="A50" s="68"/>
      <c r="B50" s="256"/>
      <c r="C50" s="556"/>
      <c r="D50" s="557"/>
      <c r="E50" s="348"/>
      <c r="F50" s="349"/>
      <c r="G50" s="399">
        <f t="shared" si="0"/>
        <v>0</v>
      </c>
      <c r="H50" s="353"/>
      <c r="I50" s="68"/>
    </row>
    <row r="51" spans="1:10" ht="32.65" customHeight="1" thickBot="1">
      <c r="A51" s="68"/>
      <c r="B51" s="257"/>
      <c r="C51" s="591"/>
      <c r="D51" s="592"/>
      <c r="E51" s="350"/>
      <c r="F51" s="351"/>
      <c r="G51" s="400">
        <f t="shared" si="0"/>
        <v>0</v>
      </c>
      <c r="H51" s="354"/>
      <c r="I51" s="68"/>
    </row>
    <row r="52" spans="1:10" ht="32.65" hidden="1" customHeight="1" outlineLevel="1">
      <c r="A52" s="68"/>
      <c r="B52" s="258"/>
      <c r="C52" s="556"/>
      <c r="D52" s="557"/>
      <c r="E52" s="259"/>
      <c r="F52" s="416"/>
      <c r="G52" s="398">
        <f t="shared" si="0"/>
        <v>0</v>
      </c>
      <c r="H52" s="419"/>
      <c r="I52" s="68"/>
    </row>
    <row r="53" spans="1:10" ht="32.65" hidden="1" customHeight="1" outlineLevel="1">
      <c r="A53" s="68"/>
      <c r="B53" s="256"/>
      <c r="C53" s="556"/>
      <c r="D53" s="557"/>
      <c r="E53" s="261"/>
      <c r="F53" s="417"/>
      <c r="G53" s="347">
        <f t="shared" si="0"/>
        <v>0</v>
      </c>
      <c r="H53" s="420"/>
      <c r="I53" s="68"/>
    </row>
    <row r="54" spans="1:10" ht="32.65" hidden="1" customHeight="1" outlineLevel="1">
      <c r="A54" s="68"/>
      <c r="B54" s="256"/>
      <c r="C54" s="556"/>
      <c r="D54" s="557"/>
      <c r="E54" s="261"/>
      <c r="F54" s="417"/>
      <c r="G54" s="347">
        <f t="shared" si="0"/>
        <v>0</v>
      </c>
      <c r="H54" s="420"/>
      <c r="I54" s="68"/>
    </row>
    <row r="55" spans="1:10" ht="32.65" hidden="1" customHeight="1" outlineLevel="1">
      <c r="A55" s="68"/>
      <c r="B55" s="256"/>
      <c r="C55" s="556"/>
      <c r="D55" s="557"/>
      <c r="E55" s="261"/>
      <c r="F55" s="417"/>
      <c r="G55" s="347">
        <f t="shared" si="0"/>
        <v>0</v>
      </c>
      <c r="H55" s="420"/>
      <c r="I55" s="68"/>
    </row>
    <row r="56" spans="1:10" ht="32.65" hidden="1" customHeight="1" outlineLevel="1" thickBot="1">
      <c r="A56" s="68"/>
      <c r="B56" s="257"/>
      <c r="C56" s="591"/>
      <c r="D56" s="592"/>
      <c r="E56" s="263"/>
      <c r="F56" s="418"/>
      <c r="G56" s="400">
        <f t="shared" si="0"/>
        <v>0</v>
      </c>
      <c r="H56" s="421"/>
      <c r="I56" s="68"/>
    </row>
    <row r="57" spans="1:10" ht="32.65" customHeight="1" collapsed="1" thickBot="1">
      <c r="A57" s="68"/>
      <c r="B57" s="90"/>
      <c r="C57" s="90"/>
      <c r="D57" s="68"/>
      <c r="E57" s="95"/>
      <c r="F57" s="95" t="s">
        <v>54</v>
      </c>
      <c r="G57" s="191">
        <f>SUM(G47:G56)</f>
        <v>0</v>
      </c>
      <c r="H57" s="342"/>
      <c r="I57" s="68"/>
    </row>
    <row r="58" spans="1:10" ht="23.25" customHeight="1">
      <c r="A58" s="68"/>
      <c r="B58" s="90" t="s">
        <v>266</v>
      </c>
      <c r="C58" s="90"/>
      <c r="D58" s="68"/>
      <c r="E58" s="90"/>
      <c r="F58" s="95"/>
      <c r="G58" s="97"/>
      <c r="H58" s="97"/>
      <c r="I58" s="68"/>
    </row>
    <row r="59" spans="1:10" ht="15" customHeight="1">
      <c r="A59" s="68"/>
      <c r="B59" s="90"/>
      <c r="C59" s="90"/>
      <c r="D59" s="68"/>
      <c r="E59" s="90"/>
      <c r="F59" s="95"/>
      <c r="G59" s="97"/>
      <c r="H59" s="97"/>
      <c r="I59" s="68"/>
    </row>
    <row r="60" spans="1:10" ht="21" customHeight="1">
      <c r="A60" s="68"/>
      <c r="B60" s="89" t="s">
        <v>180</v>
      </c>
      <c r="C60" s="90"/>
      <c r="D60" s="68"/>
      <c r="E60" s="90"/>
      <c r="F60" s="95"/>
      <c r="G60" s="97"/>
      <c r="H60" s="97"/>
      <c r="I60" s="68"/>
    </row>
    <row r="61" spans="1:10" ht="24" customHeight="1" thickBot="1">
      <c r="A61" s="68"/>
      <c r="B61" s="91" t="s">
        <v>165</v>
      </c>
      <c r="C61" s="90"/>
      <c r="D61" s="68"/>
      <c r="E61" s="90"/>
      <c r="F61" s="95"/>
      <c r="G61" s="97"/>
      <c r="H61" s="97"/>
      <c r="I61" s="68"/>
    </row>
    <row r="62" spans="1:10" ht="32.65" customHeight="1" thickBot="1">
      <c r="A62" s="68"/>
      <c r="B62" s="265"/>
      <c r="C62" s="90" t="s">
        <v>166</v>
      </c>
      <c r="D62" s="68"/>
      <c r="E62" s="90"/>
      <c r="F62" s="95"/>
      <c r="G62" s="97"/>
      <c r="H62" s="97"/>
      <c r="I62" s="68"/>
      <c r="J62" s="435" t="s">
        <v>430</v>
      </c>
    </row>
    <row r="63" spans="1:10" ht="15" customHeight="1">
      <c r="A63" s="68"/>
      <c r="B63" s="590"/>
      <c r="C63" s="590"/>
      <c r="D63" s="590"/>
      <c r="E63" s="590"/>
      <c r="F63" s="590"/>
      <c r="G63" s="590"/>
      <c r="H63" s="325"/>
      <c r="I63" s="68"/>
    </row>
    <row r="64" spans="1:10" ht="21" customHeight="1">
      <c r="A64" s="68"/>
      <c r="B64" s="593" t="s">
        <v>181</v>
      </c>
      <c r="C64" s="593"/>
      <c r="D64" s="593"/>
      <c r="E64" s="593"/>
      <c r="F64" s="593"/>
      <c r="G64" s="593"/>
      <c r="H64" s="326"/>
      <c r="I64" s="98"/>
    </row>
    <row r="65" spans="1:9" ht="32.65" customHeight="1" thickBot="1">
      <c r="A65" s="68"/>
      <c r="B65" s="551" t="s">
        <v>216</v>
      </c>
      <c r="C65" s="551"/>
      <c r="D65" s="551"/>
      <c r="E65" s="551"/>
      <c r="F65" s="551"/>
      <c r="G65" s="551"/>
      <c r="H65" s="551"/>
      <c r="I65" s="99"/>
    </row>
    <row r="66" spans="1:9" ht="32.65" customHeight="1">
      <c r="A66" s="68"/>
      <c r="B66" s="561" t="s">
        <v>258</v>
      </c>
      <c r="C66" s="562"/>
      <c r="D66" s="563" t="s">
        <v>405</v>
      </c>
      <c r="E66" s="562"/>
      <c r="F66" s="218" t="s">
        <v>182</v>
      </c>
      <c r="G66" s="336" t="s">
        <v>183</v>
      </c>
      <c r="H66" s="169" t="s">
        <v>332</v>
      </c>
      <c r="I66" s="100"/>
    </row>
    <row r="67" spans="1:9" ht="32.65" customHeight="1">
      <c r="A67" s="68"/>
      <c r="B67" s="568"/>
      <c r="C67" s="569"/>
      <c r="D67" s="603"/>
      <c r="E67" s="569"/>
      <c r="F67" s="266"/>
      <c r="G67" s="355"/>
      <c r="H67" s="352"/>
      <c r="I67" s="100"/>
    </row>
    <row r="68" spans="1:9" ht="32.65" customHeight="1">
      <c r="A68" s="68"/>
      <c r="B68" s="568"/>
      <c r="C68" s="569"/>
      <c r="D68" s="603"/>
      <c r="E68" s="569"/>
      <c r="F68" s="266"/>
      <c r="G68" s="355"/>
      <c r="H68" s="353"/>
      <c r="I68" s="100"/>
    </row>
    <row r="69" spans="1:9" ht="32.65" customHeight="1">
      <c r="A69" s="68"/>
      <c r="B69" s="568"/>
      <c r="C69" s="569"/>
      <c r="D69" s="603"/>
      <c r="E69" s="569"/>
      <c r="F69" s="267"/>
      <c r="G69" s="356"/>
      <c r="H69" s="353"/>
      <c r="I69" s="100"/>
    </row>
    <row r="70" spans="1:9" ht="32.65" customHeight="1">
      <c r="A70" s="68"/>
      <c r="B70" s="568"/>
      <c r="C70" s="569"/>
      <c r="D70" s="603"/>
      <c r="E70" s="569"/>
      <c r="F70" s="266"/>
      <c r="G70" s="355"/>
      <c r="H70" s="353"/>
      <c r="I70" s="100"/>
    </row>
    <row r="71" spans="1:9" ht="32.65" customHeight="1" thickBot="1">
      <c r="A71" s="68"/>
      <c r="B71" s="564"/>
      <c r="C71" s="565"/>
      <c r="D71" s="604"/>
      <c r="E71" s="565"/>
      <c r="F71" s="268"/>
      <c r="G71" s="357"/>
      <c r="H71" s="354"/>
      <c r="I71" s="100"/>
    </row>
    <row r="72" spans="1:9" ht="32.65" hidden="1" customHeight="1" outlineLevel="1">
      <c r="A72" s="68"/>
      <c r="B72" s="566"/>
      <c r="C72" s="567"/>
      <c r="D72" s="605"/>
      <c r="E72" s="606"/>
      <c r="F72" s="267"/>
      <c r="G72" s="363"/>
      <c r="H72" s="361"/>
      <c r="I72" s="100"/>
    </row>
    <row r="73" spans="1:9" ht="32.65" hidden="1" customHeight="1" outlineLevel="1">
      <c r="A73" s="68"/>
      <c r="B73" s="568"/>
      <c r="C73" s="569"/>
      <c r="D73" s="603"/>
      <c r="E73" s="569"/>
      <c r="F73" s="267"/>
      <c r="G73" s="364"/>
      <c r="H73" s="361"/>
      <c r="I73" s="100"/>
    </row>
    <row r="74" spans="1:9" ht="32.65" hidden="1" customHeight="1" outlineLevel="1">
      <c r="A74" s="68"/>
      <c r="B74" s="568"/>
      <c r="C74" s="569"/>
      <c r="D74" s="603"/>
      <c r="E74" s="569"/>
      <c r="F74" s="267"/>
      <c r="G74" s="364"/>
      <c r="H74" s="361"/>
      <c r="I74" s="100"/>
    </row>
    <row r="75" spans="1:9" ht="32.65" hidden="1" customHeight="1" outlineLevel="1">
      <c r="A75" s="68"/>
      <c r="B75" s="568"/>
      <c r="C75" s="569"/>
      <c r="D75" s="603"/>
      <c r="E75" s="569"/>
      <c r="F75" s="267"/>
      <c r="G75" s="364"/>
      <c r="H75" s="361"/>
      <c r="I75" s="100"/>
    </row>
    <row r="76" spans="1:9" ht="32.65" hidden="1" customHeight="1" outlineLevel="1" thickBot="1">
      <c r="A76" s="68"/>
      <c r="B76" s="564"/>
      <c r="C76" s="565"/>
      <c r="D76" s="604"/>
      <c r="E76" s="565"/>
      <c r="F76" s="268"/>
      <c r="G76" s="365"/>
      <c r="H76" s="362"/>
      <c r="I76" s="100"/>
    </row>
    <row r="77" spans="1:9" ht="15" customHeight="1" collapsed="1">
      <c r="A77" s="68"/>
      <c r="B77" s="101"/>
      <c r="C77" s="101"/>
      <c r="D77" s="101"/>
      <c r="E77" s="101"/>
      <c r="F77" s="102"/>
      <c r="G77" s="102"/>
      <c r="H77" s="102"/>
      <c r="I77" s="100"/>
    </row>
    <row r="78" spans="1:9" ht="24" customHeight="1">
      <c r="A78" s="120" t="s">
        <v>67</v>
      </c>
      <c r="B78" s="110"/>
      <c r="C78" s="119"/>
      <c r="D78" s="119"/>
      <c r="E78" s="119"/>
      <c r="F78" s="119"/>
      <c r="G78" s="119"/>
      <c r="H78" s="119"/>
      <c r="I78" s="119"/>
    </row>
    <row r="79" spans="1:9" ht="52.5" customHeight="1" thickBot="1">
      <c r="A79" s="68"/>
      <c r="B79" s="551" t="s">
        <v>247</v>
      </c>
      <c r="C79" s="551"/>
      <c r="D79" s="551"/>
      <c r="E79" s="551"/>
      <c r="F79" s="551"/>
      <c r="G79" s="551"/>
      <c r="H79" s="551"/>
      <c r="I79" s="68"/>
    </row>
    <row r="80" spans="1:9" ht="90" customHeight="1" thickBot="1">
      <c r="A80" s="68"/>
      <c r="B80" s="558"/>
      <c r="C80" s="559"/>
      <c r="D80" s="559"/>
      <c r="E80" s="559"/>
      <c r="F80" s="559"/>
      <c r="G80" s="559"/>
      <c r="H80" s="560"/>
      <c r="I80" s="68"/>
    </row>
    <row r="81" spans="1:11" ht="62.25" customHeight="1">
      <c r="A81" s="68"/>
      <c r="B81" s="553" t="s">
        <v>248</v>
      </c>
      <c r="C81" s="553"/>
      <c r="D81" s="553"/>
      <c r="E81" s="553"/>
      <c r="F81" s="553"/>
      <c r="G81" s="553"/>
      <c r="H81" s="553"/>
      <c r="I81" s="68"/>
    </row>
    <row r="82" spans="1:11" ht="24" customHeight="1">
      <c r="A82" s="68"/>
      <c r="B82" s="358" t="s">
        <v>191</v>
      </c>
      <c r="C82" s="358"/>
      <c r="D82" s="358"/>
      <c r="E82" s="358"/>
      <c r="F82" s="358"/>
      <c r="G82" s="358"/>
      <c r="H82" s="358"/>
      <c r="I82" s="68"/>
    </row>
    <row r="83" spans="1:11" ht="15" customHeight="1">
      <c r="A83" s="68"/>
      <c r="B83" s="68"/>
      <c r="C83" s="68"/>
      <c r="D83" s="68"/>
      <c r="E83" s="68"/>
      <c r="F83" s="68"/>
      <c r="G83" s="68"/>
      <c r="H83" s="68"/>
      <c r="I83" s="68"/>
    </row>
    <row r="84" spans="1:11" ht="24" customHeight="1">
      <c r="A84" s="121" t="s">
        <v>75</v>
      </c>
      <c r="B84" s="122"/>
      <c r="C84" s="122"/>
      <c r="D84" s="122"/>
      <c r="E84" s="122"/>
      <c r="F84" s="122"/>
      <c r="G84" s="110"/>
      <c r="H84" s="110"/>
      <c r="I84" s="123"/>
    </row>
    <row r="85" spans="1:11" ht="21" customHeight="1">
      <c r="A85" s="68"/>
      <c r="B85" s="594" t="s">
        <v>76</v>
      </c>
      <c r="C85" s="594"/>
      <c r="D85" s="594"/>
      <c r="E85" s="594"/>
      <c r="F85" s="594"/>
      <c r="G85" s="594"/>
      <c r="H85" s="328"/>
      <c r="I85" s="103"/>
    </row>
    <row r="86" spans="1:11" ht="15" customHeight="1">
      <c r="A86" s="68"/>
      <c r="B86" s="210"/>
      <c r="C86" s="210"/>
      <c r="D86" s="210"/>
      <c r="E86" s="210"/>
      <c r="F86" s="210"/>
      <c r="G86" s="210"/>
      <c r="H86" s="328"/>
      <c r="I86" s="103"/>
    </row>
    <row r="87" spans="1:11" ht="21.75" customHeight="1" thickBot="1">
      <c r="A87" s="68"/>
      <c r="B87" s="593" t="s">
        <v>249</v>
      </c>
      <c r="C87" s="593"/>
      <c r="D87" s="593"/>
      <c r="E87" s="593"/>
      <c r="F87" s="593"/>
      <c r="G87" s="593"/>
      <c r="H87" s="326"/>
      <c r="I87" s="86"/>
    </row>
    <row r="88" spans="1:11" ht="32.65" customHeight="1" thickBot="1">
      <c r="A88" s="68"/>
      <c r="B88" s="548" t="s">
        <v>77</v>
      </c>
      <c r="C88" s="549"/>
      <c r="D88" s="550"/>
      <c r="E88" s="104"/>
      <c r="F88" s="548" t="s">
        <v>78</v>
      </c>
      <c r="G88" s="550"/>
      <c r="H88" s="359"/>
      <c r="I88" s="68"/>
    </row>
    <row r="89" spans="1:11" ht="32.65" customHeight="1" thickBot="1">
      <c r="A89" s="68"/>
      <c r="B89" s="588"/>
      <c r="C89" s="589"/>
      <c r="D89" s="105" t="s">
        <v>79</v>
      </c>
      <c r="E89" s="106"/>
      <c r="F89" s="269"/>
      <c r="G89" s="107" t="s">
        <v>79</v>
      </c>
      <c r="H89" s="360"/>
      <c r="I89" s="68"/>
      <c r="K89" s="68"/>
    </row>
    <row r="90" spans="1:11" ht="6.75" customHeight="1">
      <c r="A90" s="68"/>
      <c r="B90" s="68"/>
      <c r="C90" s="68"/>
      <c r="D90" s="68"/>
      <c r="E90" s="68"/>
      <c r="F90" s="68"/>
      <c r="G90" s="68"/>
      <c r="H90" s="68"/>
      <c r="I90" s="68"/>
    </row>
    <row r="91" spans="1:11" ht="63.75" customHeight="1">
      <c r="A91" s="68"/>
      <c r="B91" s="571" t="s">
        <v>250</v>
      </c>
      <c r="C91" s="571"/>
      <c r="D91" s="571"/>
      <c r="E91" s="571"/>
      <c r="F91" s="571"/>
      <c r="G91" s="571"/>
      <c r="H91" s="571"/>
      <c r="I91" s="68"/>
    </row>
    <row r="92" spans="1:11" ht="32.65" customHeight="1">
      <c r="A92" s="68"/>
      <c r="B92" s="571" t="s">
        <v>214</v>
      </c>
      <c r="C92" s="571"/>
      <c r="D92" s="571"/>
      <c r="E92" s="571"/>
      <c r="F92" s="571"/>
      <c r="G92" s="571"/>
      <c r="H92" s="571"/>
      <c r="I92" s="68"/>
    </row>
    <row r="93" spans="1:11" ht="15" customHeight="1">
      <c r="A93" s="68"/>
      <c r="B93" s="209"/>
      <c r="C93" s="209"/>
      <c r="D93" s="209"/>
      <c r="E93" s="209"/>
      <c r="F93" s="209"/>
      <c r="G93" s="209"/>
      <c r="H93" s="330"/>
      <c r="I93" s="68"/>
    </row>
    <row r="94" spans="1:11" ht="24" customHeight="1">
      <c r="A94" s="120" t="s">
        <v>80</v>
      </c>
      <c r="B94" s="110"/>
      <c r="C94" s="119"/>
      <c r="D94" s="119"/>
      <c r="E94" s="119"/>
      <c r="F94" s="119"/>
      <c r="G94" s="119"/>
      <c r="H94" s="119"/>
      <c r="I94" s="119"/>
    </row>
    <row r="95" spans="1:11" ht="36.75" customHeight="1" thickBot="1">
      <c r="A95" s="68"/>
      <c r="B95" s="551" t="s">
        <v>217</v>
      </c>
      <c r="C95" s="551"/>
      <c r="D95" s="551"/>
      <c r="E95" s="551"/>
      <c r="F95" s="551"/>
      <c r="G95" s="551"/>
      <c r="H95" s="551"/>
      <c r="I95" s="68"/>
    </row>
    <row r="96" spans="1:11" ht="90" customHeight="1" thickBot="1">
      <c r="A96" s="68"/>
      <c r="B96" s="558"/>
      <c r="C96" s="559"/>
      <c r="D96" s="559"/>
      <c r="E96" s="559"/>
      <c r="F96" s="559"/>
      <c r="G96" s="559"/>
      <c r="H96" s="560"/>
      <c r="I96" s="68"/>
    </row>
    <row r="97" spans="1:11" ht="15" customHeight="1">
      <c r="A97" s="68"/>
      <c r="B97" s="209"/>
      <c r="C97" s="209"/>
      <c r="D97" s="209"/>
      <c r="E97" s="209"/>
      <c r="F97" s="209"/>
      <c r="G97" s="209"/>
      <c r="H97" s="330"/>
      <c r="I97" s="68"/>
    </row>
    <row r="98" spans="1:11" ht="24" customHeight="1">
      <c r="A98" s="120" t="s">
        <v>90</v>
      </c>
      <c r="B98" s="110"/>
      <c r="C98" s="119"/>
      <c r="D98" s="119"/>
      <c r="E98" s="119"/>
      <c r="F98" s="119"/>
      <c r="G98" s="119"/>
      <c r="H98" s="119"/>
      <c r="I98" s="119"/>
    </row>
    <row r="99" spans="1:11" ht="34.15" customHeight="1" thickBot="1">
      <c r="A99" s="68"/>
      <c r="B99" s="572" t="s">
        <v>427</v>
      </c>
      <c r="C99" s="572"/>
      <c r="D99" s="572"/>
      <c r="E99" s="572"/>
      <c r="F99" s="572"/>
      <c r="G99" s="572"/>
      <c r="H99" s="572"/>
      <c r="I99" s="68"/>
    </row>
    <row r="100" spans="1:11" ht="32.65" customHeight="1">
      <c r="A100" s="68"/>
      <c r="B100" s="170" t="s">
        <v>336</v>
      </c>
      <c r="C100" s="373" t="s">
        <v>258</v>
      </c>
      <c r="D100" s="168" t="s">
        <v>404</v>
      </c>
      <c r="E100" s="168" t="s">
        <v>182</v>
      </c>
      <c r="F100" s="168" t="s">
        <v>244</v>
      </c>
      <c r="G100" s="344" t="s">
        <v>179</v>
      </c>
      <c r="H100" s="169" t="s">
        <v>332</v>
      </c>
      <c r="I100" s="68"/>
    </row>
    <row r="101" spans="1:11" ht="32.65" customHeight="1">
      <c r="A101" s="68"/>
      <c r="B101" s="255"/>
      <c r="C101" s="371"/>
      <c r="D101" s="371"/>
      <c r="E101" s="270"/>
      <c r="F101" s="271"/>
      <c r="G101" s="367">
        <f>E101*F101</f>
        <v>0</v>
      </c>
      <c r="H101" s="352"/>
      <c r="I101" s="68"/>
    </row>
    <row r="102" spans="1:11" ht="32.65" customHeight="1">
      <c r="A102" s="68"/>
      <c r="B102" s="256"/>
      <c r="C102" s="371"/>
      <c r="D102" s="371"/>
      <c r="E102" s="261"/>
      <c r="F102" s="262"/>
      <c r="G102" s="367">
        <f t="shared" ref="G102:G110" si="1">E102*F102</f>
        <v>0</v>
      </c>
      <c r="H102" s="353"/>
      <c r="I102" s="68"/>
    </row>
    <row r="103" spans="1:11" ht="32.65" customHeight="1">
      <c r="A103" s="68"/>
      <c r="B103" s="256"/>
      <c r="C103" s="371"/>
      <c r="D103" s="371"/>
      <c r="E103" s="261"/>
      <c r="F103" s="262"/>
      <c r="G103" s="367">
        <f t="shared" si="1"/>
        <v>0</v>
      </c>
      <c r="H103" s="353"/>
      <c r="I103" s="68"/>
    </row>
    <row r="104" spans="1:11" ht="32.65" customHeight="1">
      <c r="A104" s="68"/>
      <c r="B104" s="256"/>
      <c r="C104" s="371"/>
      <c r="D104" s="371"/>
      <c r="E104" s="261"/>
      <c r="F104" s="262"/>
      <c r="G104" s="367">
        <f t="shared" si="1"/>
        <v>0</v>
      </c>
      <c r="H104" s="353"/>
      <c r="I104" s="68"/>
    </row>
    <row r="105" spans="1:11" ht="32.65" customHeight="1" thickBot="1">
      <c r="A105" s="68"/>
      <c r="B105" s="257"/>
      <c r="C105" s="372"/>
      <c r="D105" s="372"/>
      <c r="E105" s="263"/>
      <c r="F105" s="264"/>
      <c r="G105" s="401">
        <f t="shared" si="1"/>
        <v>0</v>
      </c>
      <c r="H105" s="354"/>
      <c r="I105" s="68"/>
    </row>
    <row r="106" spans="1:11" ht="32.65" hidden="1" customHeight="1" outlineLevel="1">
      <c r="A106" s="68"/>
      <c r="B106" s="258"/>
      <c r="C106" s="374"/>
      <c r="D106" s="374"/>
      <c r="E106" s="259"/>
      <c r="F106" s="260"/>
      <c r="G106" s="366">
        <f t="shared" si="1"/>
        <v>0</v>
      </c>
      <c r="H106" s="352"/>
      <c r="I106" s="68"/>
    </row>
    <row r="107" spans="1:11" ht="32.65" hidden="1" customHeight="1" outlineLevel="1">
      <c r="A107" s="68"/>
      <c r="B107" s="256"/>
      <c r="C107" s="371"/>
      <c r="D107" s="371"/>
      <c r="E107" s="261"/>
      <c r="F107" s="262"/>
      <c r="G107" s="367">
        <f>E107*F107</f>
        <v>0</v>
      </c>
      <c r="H107" s="353"/>
      <c r="I107" s="68"/>
    </row>
    <row r="108" spans="1:11" ht="32.65" hidden="1" customHeight="1" outlineLevel="1">
      <c r="A108" s="68"/>
      <c r="B108" s="256"/>
      <c r="C108" s="371"/>
      <c r="D108" s="371"/>
      <c r="E108" s="261"/>
      <c r="F108" s="262"/>
      <c r="G108" s="367">
        <f t="shared" si="1"/>
        <v>0</v>
      </c>
      <c r="H108" s="353"/>
      <c r="I108" s="68"/>
    </row>
    <row r="109" spans="1:11" ht="32.65" hidden="1" customHeight="1" outlineLevel="1">
      <c r="A109" s="68"/>
      <c r="B109" s="256"/>
      <c r="C109" s="371"/>
      <c r="D109" s="371"/>
      <c r="E109" s="261"/>
      <c r="F109" s="262"/>
      <c r="G109" s="367">
        <f t="shared" si="1"/>
        <v>0</v>
      </c>
      <c r="H109" s="353"/>
      <c r="I109" s="68"/>
    </row>
    <row r="110" spans="1:11" ht="32.65" hidden="1" customHeight="1" outlineLevel="1" thickBot="1">
      <c r="A110" s="68"/>
      <c r="B110" s="257"/>
      <c r="C110" s="372"/>
      <c r="D110" s="372"/>
      <c r="E110" s="263"/>
      <c r="F110" s="264"/>
      <c r="G110" s="401">
        <f t="shared" si="1"/>
        <v>0</v>
      </c>
      <c r="H110" s="354"/>
      <c r="I110" s="68"/>
    </row>
    <row r="111" spans="1:11" ht="32.65" customHeight="1" collapsed="1" thickBot="1">
      <c r="A111" s="68"/>
      <c r="B111" s="90"/>
      <c r="C111" s="90"/>
      <c r="D111" s="90"/>
      <c r="E111" s="95"/>
      <c r="F111" s="95" t="s">
        <v>54</v>
      </c>
      <c r="G111" s="96">
        <f>SUM(G101:G110)</f>
        <v>0</v>
      </c>
      <c r="H111" s="343"/>
      <c r="I111" s="68"/>
      <c r="K111" s="68">
        <f>G57+G111</f>
        <v>0</v>
      </c>
    </row>
    <row r="112" spans="1:11" ht="15" customHeight="1">
      <c r="A112" s="68"/>
      <c r="B112" s="90"/>
      <c r="C112" s="90"/>
      <c r="D112" s="90"/>
      <c r="E112" s="95"/>
      <c r="F112" s="95"/>
      <c r="G112" s="108"/>
      <c r="H112" s="343"/>
      <c r="I112" s="68"/>
      <c r="K112" s="68"/>
    </row>
    <row r="113" spans="1:9" ht="46.9" customHeight="1" thickBot="1">
      <c r="A113" s="68"/>
      <c r="B113" s="570" t="s">
        <v>218</v>
      </c>
      <c r="C113" s="570"/>
      <c r="D113" s="570"/>
      <c r="E113" s="570"/>
      <c r="F113" s="570"/>
      <c r="G113" s="570"/>
      <c r="H113" s="570"/>
      <c r="I113" s="68"/>
    </row>
    <row r="114" spans="1:9" ht="90" customHeight="1" thickBot="1">
      <c r="A114" s="68"/>
      <c r="B114" s="558"/>
      <c r="C114" s="559"/>
      <c r="D114" s="559"/>
      <c r="E114" s="559"/>
      <c r="F114" s="559"/>
      <c r="G114" s="559"/>
      <c r="H114" s="560"/>
      <c r="I114" s="68"/>
    </row>
    <row r="115" spans="1:9" ht="15" customHeight="1"/>
  </sheetData>
  <sheetProtection sheet="1" objects="1" scenarios="1"/>
  <customSheetViews>
    <customSheetView guid="{75F8A93C-F5BA-4FE5-85C6-88804E4D71E6}" showPageBreaks="1" fitToPage="1" printArea="1" view="pageBreakPreview" topLeftCell="A38">
      <selection activeCell="B40" sqref="B40"/>
      <rowBreaks count="3" manualBreakCount="3">
        <brk id="28" max="7" man="1"/>
        <brk id="49" max="7" man="1"/>
        <brk id="66" max="7" man="1"/>
      </rowBreaks>
      <pageMargins left="0.7" right="0.7" top="0.75" bottom="0.75" header="0.3" footer="0.3"/>
      <pageSetup paperSize="9" scale="96" fitToHeight="0" orientation="portrait" r:id="rId1"/>
    </customSheetView>
  </customSheetViews>
  <mergeCells count="78">
    <mergeCell ref="B76:C76"/>
    <mergeCell ref="D67:E67"/>
    <mergeCell ref="D68:E68"/>
    <mergeCell ref="D69:E69"/>
    <mergeCell ref="D70:E70"/>
    <mergeCell ref="D71:E71"/>
    <mergeCell ref="D72:E72"/>
    <mergeCell ref="D73:E73"/>
    <mergeCell ref="D74:E74"/>
    <mergeCell ref="D75:E75"/>
    <mergeCell ref="D76:E76"/>
    <mergeCell ref="B11:G11"/>
    <mergeCell ref="G6:H6"/>
    <mergeCell ref="C12:H12"/>
    <mergeCell ref="D13:H13"/>
    <mergeCell ref="D14:H14"/>
    <mergeCell ref="B1:G1"/>
    <mergeCell ref="G3:H3"/>
    <mergeCell ref="G4:H4"/>
    <mergeCell ref="G5:H5"/>
    <mergeCell ref="B8:G8"/>
    <mergeCell ref="B89:C89"/>
    <mergeCell ref="B63:G63"/>
    <mergeCell ref="C48:D48"/>
    <mergeCell ref="C49:D49"/>
    <mergeCell ref="C55:D55"/>
    <mergeCell ref="C56:D56"/>
    <mergeCell ref="B64:G64"/>
    <mergeCell ref="C50:D50"/>
    <mergeCell ref="C51:D51"/>
    <mergeCell ref="C52:D52"/>
    <mergeCell ref="C53:D53"/>
    <mergeCell ref="C54:D54"/>
    <mergeCell ref="B85:G85"/>
    <mergeCell ref="B69:C69"/>
    <mergeCell ref="B70:C70"/>
    <mergeCell ref="B87:G87"/>
    <mergeCell ref="B25:G25"/>
    <mergeCell ref="B23:G23"/>
    <mergeCell ref="D28:H28"/>
    <mergeCell ref="B29:H29"/>
    <mergeCell ref="B30:H30"/>
    <mergeCell ref="B41:H41"/>
    <mergeCell ref="C26:H26"/>
    <mergeCell ref="D27:H27"/>
    <mergeCell ref="B67:C67"/>
    <mergeCell ref="B68:C68"/>
    <mergeCell ref="C35:H35"/>
    <mergeCell ref="D15:H15"/>
    <mergeCell ref="D16:H16"/>
    <mergeCell ref="C20:H20"/>
    <mergeCell ref="D21:H21"/>
    <mergeCell ref="D22:H22"/>
    <mergeCell ref="B17:H17"/>
    <mergeCell ref="B19:G19"/>
    <mergeCell ref="B114:H114"/>
    <mergeCell ref="B113:H113"/>
    <mergeCell ref="B91:H91"/>
    <mergeCell ref="B92:H92"/>
    <mergeCell ref="B96:H96"/>
    <mergeCell ref="B95:H95"/>
    <mergeCell ref="B99:H99"/>
    <mergeCell ref="B88:D88"/>
    <mergeCell ref="F88:G88"/>
    <mergeCell ref="B65:H65"/>
    <mergeCell ref="B45:H45"/>
    <mergeCell ref="B79:H79"/>
    <mergeCell ref="B81:H81"/>
    <mergeCell ref="C46:D46"/>
    <mergeCell ref="C47:D47"/>
    <mergeCell ref="B80:H80"/>
    <mergeCell ref="B66:C66"/>
    <mergeCell ref="D66:E66"/>
    <mergeCell ref="B71:C71"/>
    <mergeCell ref="B72:C72"/>
    <mergeCell ref="B73:C73"/>
    <mergeCell ref="B74:C74"/>
    <mergeCell ref="B75:C75"/>
  </mergeCells>
  <phoneticPr fontId="2"/>
  <conditionalFormatting sqref="B17">
    <cfRule type="expression" dxfId="69" priority="9">
      <formula>$B$16="〇"</formula>
    </cfRule>
    <cfRule type="expression" dxfId="68" priority="10">
      <formula>$B$15="〇"</formula>
    </cfRule>
    <cfRule type="expression" dxfId="67" priority="11">
      <formula>$B$14="〇"</formula>
    </cfRule>
  </conditionalFormatting>
  <conditionalFormatting sqref="B23:H23">
    <cfRule type="expression" dxfId="66" priority="8">
      <formula>$B$22="〇"</formula>
    </cfRule>
  </conditionalFormatting>
  <conditionalFormatting sqref="B29">
    <cfRule type="expression" dxfId="65" priority="7">
      <formula>$B$28="〇"</formula>
    </cfRule>
  </conditionalFormatting>
  <conditionalFormatting sqref="B27:B28 B35 B39 B43 G57:H57 B62 B80 B89:C89 F89 B96 G111:H111 B114 B13:B16 H52:H56 B101:G110 B47:G56 F72:H76 B67:B76 F67:G71 D67:D76">
    <cfRule type="expression" dxfId="64" priority="6">
      <formula>$B$22="〇"</formula>
    </cfRule>
  </conditionalFormatting>
  <conditionalFormatting sqref="H47:H51">
    <cfRule type="expression" dxfId="63" priority="5">
      <formula>$B$22="〇"</formula>
    </cfRule>
  </conditionalFormatting>
  <conditionalFormatting sqref="H67:H71">
    <cfRule type="expression" dxfId="62" priority="4">
      <formula>$B$22="〇"</formula>
    </cfRule>
  </conditionalFormatting>
  <conditionalFormatting sqref="H101:H105">
    <cfRule type="expression" dxfId="61" priority="3">
      <formula>$B$22="〇"</formula>
    </cfRule>
  </conditionalFormatting>
  <conditionalFormatting sqref="H106:H110">
    <cfRule type="expression" dxfId="60" priority="2">
      <formula>$B$22="〇"</formula>
    </cfRule>
  </conditionalFormatting>
  <conditionalFormatting sqref="C35:H35">
    <cfRule type="expression" dxfId="25" priority="1">
      <formula>$B$35=$J$35</formula>
    </cfRule>
  </conditionalFormatting>
  <dataValidations count="4">
    <dataValidation type="list" allowBlank="1" showInputMessage="1" showErrorMessage="1" sqref="B13:B16 B21 B27">
      <formula1>"〇"</formula1>
    </dataValidation>
    <dataValidation type="list" allowBlank="1" showInputMessage="1" showErrorMessage="1" sqref="B35">
      <formula1>$J$33:$J$35</formula1>
    </dataValidation>
    <dataValidation type="list" allowBlank="1" showInputMessage="1" showErrorMessage="1" promptTitle="注意" prompt="競争的手続き（相見積りや入札など）を行わない場合、補助対象外となります。" sqref="B22">
      <formula1>"〇"</formula1>
    </dataValidation>
    <dataValidation type="list" allowBlank="1" showInputMessage="1" showErrorMessage="1" promptTitle="注意" prompt="申請機器によっては、財産処分制限期間の残年数に応じた補助額の返還が必要となります。" sqref="B28">
      <formula1>"〇"</formula1>
    </dataValidation>
  </dataValidations>
  <printOptions horizontalCentered="1"/>
  <pageMargins left="0.70866141732283472" right="0.70866141732283472" top="0.74803149606299213" bottom="0.74803149606299213" header="0.31496062992125984" footer="0.31496062992125984"/>
  <pageSetup paperSize="9" scale="66" fitToHeight="3" orientation="portrait" r:id="rId2"/>
  <rowBreaks count="2" manualBreakCount="2">
    <brk id="31" max="7" man="1"/>
    <brk id="77" max="8" man="1"/>
  </rowBreaks>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AI131"/>
  <sheetViews>
    <sheetView showZeros="0" view="pageBreakPreview" zoomScaleNormal="100" zoomScaleSheetLayoutView="100" workbookViewId="0">
      <selection activeCell="AG51" sqref="AG51"/>
    </sheetView>
  </sheetViews>
  <sheetFormatPr defaultColWidth="2.75" defaultRowHeight="14.65" customHeight="1" outlineLevelRow="1"/>
  <cols>
    <col min="1" max="2" width="2.75" style="67"/>
    <col min="3" max="3" width="4.125" style="67" bestFit="1" customWidth="1"/>
    <col min="4" max="4" width="5" style="67" customWidth="1"/>
    <col min="5" max="6" width="2.75" style="67"/>
    <col min="7" max="7" width="4.25" style="67" customWidth="1"/>
    <col min="8" max="8" width="4.25" style="67" bestFit="1" customWidth="1"/>
    <col min="9" max="23" width="2.75" style="67"/>
    <col min="24" max="24" width="6" style="67" customWidth="1"/>
    <col min="25" max="26" width="2.75" style="67"/>
    <col min="27" max="27" width="3.75" style="67" customWidth="1"/>
    <col min="28" max="28" width="4.75" style="67" customWidth="1"/>
    <col min="29" max="29" width="3.125" style="67" customWidth="1"/>
    <col min="30" max="30" width="8.75" style="67" customWidth="1"/>
    <col min="31" max="31" width="15.75" style="67" customWidth="1"/>
    <col min="32" max="32" width="2.75" style="67"/>
    <col min="33" max="33" width="16.25" style="67" customWidth="1"/>
    <col min="34" max="34" width="19.5" style="67" customWidth="1"/>
    <col min="35" max="35" width="3.75" style="67" bestFit="1" customWidth="1"/>
    <col min="36" max="16384" width="2.75" style="67"/>
  </cols>
  <sheetData>
    <row r="1" spans="1:35" ht="32.65" customHeight="1">
      <c r="A1" s="377" t="s">
        <v>343</v>
      </c>
      <c r="B1" s="378"/>
      <c r="C1" s="377"/>
      <c r="D1" s="377"/>
      <c r="E1" s="377"/>
      <c r="F1" s="377"/>
      <c r="G1" s="377"/>
      <c r="H1" s="377"/>
      <c r="I1" s="377"/>
      <c r="J1" s="377"/>
      <c r="K1" s="377"/>
      <c r="L1" s="377"/>
      <c r="M1" s="377"/>
      <c r="N1" s="377"/>
      <c r="O1" s="377"/>
      <c r="P1" s="377"/>
      <c r="Q1" s="377"/>
      <c r="R1" s="377"/>
      <c r="S1" s="377"/>
      <c r="T1" s="377"/>
      <c r="U1" s="377"/>
      <c r="V1" s="377"/>
      <c r="W1" s="377"/>
      <c r="X1" s="377"/>
      <c r="Y1" s="377"/>
      <c r="Z1" s="377"/>
      <c r="AA1" s="377"/>
      <c r="AB1" s="377"/>
      <c r="AC1" s="377"/>
      <c r="AD1" s="377"/>
      <c r="AE1" s="379"/>
      <c r="AF1" s="379"/>
    </row>
    <row r="2" spans="1:35" ht="15" customHeight="1" thickBot="1">
      <c r="A2" s="125"/>
      <c r="B2" s="125"/>
      <c r="C2" s="125"/>
      <c r="D2" s="125"/>
      <c r="E2" s="125"/>
      <c r="F2" s="125"/>
      <c r="G2" s="125"/>
      <c r="H2" s="125"/>
      <c r="I2" s="125"/>
      <c r="J2" s="125"/>
      <c r="K2" s="125"/>
      <c r="L2" s="125"/>
      <c r="M2" s="125"/>
      <c r="N2" s="125"/>
      <c r="O2" s="125"/>
      <c r="P2" s="125"/>
      <c r="Q2" s="125"/>
      <c r="R2" s="125"/>
      <c r="S2" s="125"/>
      <c r="T2" s="125"/>
      <c r="U2" s="125"/>
      <c r="V2" s="125"/>
      <c r="W2" s="125"/>
      <c r="X2" s="125"/>
      <c r="Y2" s="125"/>
      <c r="Z2" s="125"/>
      <c r="AA2" s="125"/>
      <c r="AB2" s="125"/>
      <c r="AC2" s="125"/>
      <c r="AD2" s="125"/>
      <c r="AE2" s="125"/>
      <c r="AF2" s="125"/>
      <c r="AG2" s="143"/>
      <c r="AH2" s="125"/>
    </row>
    <row r="3" spans="1:35" ht="28.15" customHeight="1" thickBot="1">
      <c r="A3" s="125"/>
      <c r="B3" s="125"/>
      <c r="C3" s="125"/>
      <c r="D3" s="125"/>
      <c r="E3" s="125"/>
      <c r="F3" s="125"/>
      <c r="G3" s="125"/>
      <c r="H3" s="125"/>
      <c r="I3" s="125"/>
      <c r="J3" s="125"/>
      <c r="K3" s="125"/>
      <c r="L3" s="125"/>
      <c r="M3" s="125"/>
      <c r="N3" s="125"/>
      <c r="Q3" s="722" t="s">
        <v>49</v>
      </c>
      <c r="R3" s="722"/>
      <c r="S3" s="722"/>
      <c r="T3" s="722"/>
      <c r="U3" s="722"/>
      <c r="V3" s="722"/>
      <c r="W3" s="720">
        <f>基礎情報!$D$9</f>
        <v>0</v>
      </c>
      <c r="X3" s="720"/>
      <c r="Y3" s="720"/>
      <c r="Z3" s="720"/>
      <c r="AA3" s="720"/>
      <c r="AB3" s="720"/>
      <c r="AC3" s="720"/>
      <c r="AD3" s="720"/>
      <c r="AE3" s="720"/>
      <c r="AF3" s="125"/>
    </row>
    <row r="4" spans="1:35" ht="28.15" customHeight="1" thickBot="1">
      <c r="A4" s="125"/>
      <c r="B4" s="125"/>
      <c r="C4" s="125"/>
      <c r="E4" s="125"/>
      <c r="F4" s="125"/>
      <c r="G4" s="125"/>
      <c r="H4" s="125"/>
      <c r="I4" s="125"/>
      <c r="J4" s="125"/>
      <c r="K4" s="125"/>
      <c r="L4" s="125"/>
      <c r="M4" s="125"/>
      <c r="N4" s="125"/>
      <c r="Q4" s="722" t="s">
        <v>196</v>
      </c>
      <c r="R4" s="722"/>
      <c r="S4" s="722"/>
      <c r="T4" s="722"/>
      <c r="U4" s="722"/>
      <c r="V4" s="722"/>
      <c r="W4" s="720">
        <f>基礎情報!$D$6</f>
        <v>0</v>
      </c>
      <c r="X4" s="720"/>
      <c r="Y4" s="720"/>
      <c r="Z4" s="720"/>
      <c r="AA4" s="720"/>
      <c r="AB4" s="720"/>
      <c r="AC4" s="720"/>
      <c r="AD4" s="720"/>
      <c r="AE4" s="720"/>
      <c r="AF4" s="125"/>
    </row>
    <row r="5" spans="1:35" ht="28.15" customHeight="1" thickBot="1">
      <c r="A5" s="125"/>
      <c r="B5" s="125"/>
      <c r="C5" s="125"/>
      <c r="D5" s="125"/>
      <c r="E5" s="125"/>
      <c r="F5" s="125"/>
      <c r="G5" s="125"/>
      <c r="H5" s="125"/>
      <c r="I5" s="125"/>
      <c r="J5" s="125"/>
      <c r="K5" s="125"/>
      <c r="L5" s="125"/>
      <c r="M5" s="125"/>
      <c r="N5" s="125"/>
      <c r="Q5" s="722" t="s">
        <v>197</v>
      </c>
      <c r="R5" s="722"/>
      <c r="S5" s="722"/>
      <c r="T5" s="722"/>
      <c r="U5" s="722"/>
      <c r="V5" s="722"/>
      <c r="W5" s="720">
        <f>基礎情報!$D$19</f>
        <v>0</v>
      </c>
      <c r="X5" s="720"/>
      <c r="Y5" s="720"/>
      <c r="Z5" s="720"/>
      <c r="AA5" s="720"/>
      <c r="AB5" s="720"/>
      <c r="AC5" s="720"/>
      <c r="AD5" s="720"/>
      <c r="AE5" s="720"/>
      <c r="AF5" s="125"/>
    </row>
    <row r="6" spans="1:35" ht="28.15" customHeight="1" thickBot="1">
      <c r="A6" s="125"/>
      <c r="B6" s="125"/>
      <c r="C6" s="125"/>
      <c r="D6" s="125"/>
      <c r="E6" s="125"/>
      <c r="F6" s="125"/>
      <c r="G6" s="125"/>
      <c r="H6" s="125"/>
      <c r="I6" s="125"/>
      <c r="J6" s="125"/>
      <c r="K6" s="125"/>
      <c r="L6" s="125"/>
      <c r="M6" s="125"/>
      <c r="N6" s="125"/>
      <c r="O6" s="125"/>
      <c r="Q6" s="723" t="s">
        <v>205</v>
      </c>
      <c r="R6" s="723"/>
      <c r="S6" s="723"/>
      <c r="T6" s="723"/>
      <c r="U6" s="723"/>
      <c r="V6" s="723"/>
      <c r="W6" s="721">
        <f>基礎情報!$D$20</f>
        <v>0</v>
      </c>
      <c r="X6" s="721"/>
      <c r="Y6" s="721"/>
      <c r="Z6" s="721"/>
      <c r="AA6" s="721"/>
      <c r="AB6" s="721"/>
      <c r="AC6" s="721"/>
      <c r="AD6" s="721"/>
      <c r="AE6" s="721"/>
      <c r="AF6" s="125"/>
      <c r="AI6" s="67" t="s">
        <v>51</v>
      </c>
    </row>
    <row r="7" spans="1:35" ht="15" customHeight="1">
      <c r="A7" s="125"/>
      <c r="B7" s="125"/>
      <c r="C7" s="125"/>
      <c r="D7" s="125"/>
      <c r="E7" s="125"/>
      <c r="F7" s="125"/>
      <c r="G7" s="125"/>
      <c r="H7" s="125"/>
      <c r="I7" s="125"/>
      <c r="J7" s="125"/>
      <c r="K7" s="125"/>
      <c r="L7" s="125"/>
      <c r="M7" s="125"/>
      <c r="N7" s="125"/>
      <c r="O7" s="125"/>
      <c r="P7" s="126"/>
      <c r="Q7" s="126"/>
      <c r="R7" s="126"/>
      <c r="S7" s="126"/>
      <c r="T7" s="215"/>
      <c r="U7" s="215"/>
      <c r="V7" s="215"/>
      <c r="W7" s="215"/>
      <c r="X7" s="215"/>
      <c r="Y7" s="215"/>
      <c r="Z7" s="215"/>
      <c r="AA7" s="215"/>
      <c r="AB7" s="215"/>
      <c r="AC7" s="215"/>
      <c r="AD7" s="215"/>
      <c r="AE7" s="125"/>
      <c r="AF7" s="125"/>
    </row>
    <row r="8" spans="1:35" ht="51.75" customHeight="1">
      <c r="A8" s="125"/>
      <c r="B8" s="125"/>
      <c r="C8" s="724" t="s">
        <v>414</v>
      </c>
      <c r="D8" s="724"/>
      <c r="E8" s="724"/>
      <c r="F8" s="724"/>
      <c r="G8" s="724"/>
      <c r="H8" s="724"/>
      <c r="I8" s="724"/>
      <c r="J8" s="724"/>
      <c r="K8" s="724"/>
      <c r="L8" s="724"/>
      <c r="M8" s="724"/>
      <c r="N8" s="724"/>
      <c r="O8" s="724"/>
      <c r="P8" s="724"/>
      <c r="Q8" s="724"/>
      <c r="R8" s="724"/>
      <c r="S8" s="724"/>
      <c r="T8" s="724"/>
      <c r="U8" s="724"/>
      <c r="V8" s="724"/>
      <c r="W8" s="724"/>
      <c r="X8" s="724"/>
      <c r="Y8" s="724"/>
      <c r="Z8" s="724"/>
      <c r="AA8" s="724"/>
      <c r="AB8" s="724"/>
      <c r="AC8" s="724"/>
      <c r="AD8" s="724"/>
      <c r="AE8" s="724"/>
      <c r="AF8" s="125"/>
    </row>
    <row r="9" spans="1:35" ht="15" customHeight="1">
      <c r="A9" s="125"/>
      <c r="B9" s="125"/>
      <c r="C9" s="214"/>
      <c r="D9" s="214"/>
      <c r="E9" s="214"/>
      <c r="F9" s="214"/>
      <c r="G9" s="214"/>
      <c r="H9" s="214"/>
      <c r="I9" s="214"/>
      <c r="J9" s="214"/>
      <c r="K9" s="214"/>
      <c r="L9" s="214"/>
      <c r="M9" s="214"/>
      <c r="N9" s="214"/>
      <c r="O9" s="214"/>
      <c r="P9" s="214"/>
      <c r="Q9" s="214"/>
      <c r="R9" s="214"/>
      <c r="S9" s="214"/>
      <c r="T9" s="214"/>
      <c r="U9" s="214"/>
      <c r="V9" s="214"/>
      <c r="W9" s="214"/>
      <c r="X9" s="214"/>
      <c r="Y9" s="214"/>
      <c r="Z9" s="214"/>
      <c r="AA9" s="214"/>
      <c r="AB9" s="214"/>
      <c r="AC9" s="214"/>
      <c r="AD9" s="214"/>
      <c r="AE9" s="125"/>
      <c r="AF9" s="125"/>
    </row>
    <row r="10" spans="1:35" ht="24" customHeight="1">
      <c r="A10" s="146"/>
      <c r="B10" s="147" t="s">
        <v>91</v>
      </c>
      <c r="C10" s="110"/>
      <c r="D10" s="146"/>
      <c r="E10" s="146"/>
      <c r="F10" s="146"/>
      <c r="G10" s="146"/>
      <c r="H10" s="146"/>
      <c r="I10" s="146"/>
      <c r="J10" s="146"/>
      <c r="K10" s="146"/>
      <c r="L10" s="146"/>
      <c r="M10" s="146"/>
      <c r="N10" s="146"/>
      <c r="O10" s="146"/>
      <c r="P10" s="146"/>
      <c r="Q10" s="146"/>
      <c r="R10" s="146"/>
      <c r="S10" s="146"/>
      <c r="T10" s="146"/>
      <c r="U10" s="146"/>
      <c r="V10" s="146"/>
      <c r="W10" s="146"/>
      <c r="X10" s="146"/>
      <c r="Y10" s="146"/>
      <c r="Z10" s="146"/>
      <c r="AA10" s="146"/>
      <c r="AB10" s="146"/>
      <c r="AC10" s="146"/>
      <c r="AD10" s="146"/>
      <c r="AE10" s="148"/>
      <c r="AF10" s="148"/>
    </row>
    <row r="11" spans="1:35" ht="28.5" customHeight="1" thickBot="1">
      <c r="A11" s="125"/>
      <c r="B11" s="125"/>
      <c r="C11" s="618" t="s">
        <v>92</v>
      </c>
      <c r="D11" s="618"/>
      <c r="E11" s="618"/>
      <c r="F11" s="618"/>
      <c r="G11" s="618"/>
      <c r="H11" s="618"/>
      <c r="I11" s="618"/>
      <c r="J11" s="618"/>
      <c r="K11" s="618"/>
      <c r="L11" s="618"/>
      <c r="M11" s="618"/>
      <c r="N11" s="618"/>
      <c r="O11" s="618"/>
      <c r="P11" s="618"/>
      <c r="Q11" s="618"/>
      <c r="R11" s="618"/>
      <c r="S11" s="618"/>
      <c r="T11" s="618"/>
      <c r="U11" s="618"/>
      <c r="V11" s="618"/>
      <c r="W11" s="618"/>
      <c r="X11" s="618"/>
      <c r="Y11" s="618"/>
      <c r="Z11" s="618"/>
      <c r="AA11" s="618"/>
      <c r="AB11" s="618"/>
      <c r="AC11" s="618"/>
      <c r="AD11" s="125"/>
      <c r="AE11" s="125"/>
      <c r="AF11" s="125"/>
    </row>
    <row r="12" spans="1:35" ht="32.65" customHeight="1">
      <c r="A12" s="125"/>
      <c r="B12" s="125"/>
      <c r="C12" s="702" t="s">
        <v>21</v>
      </c>
      <c r="D12" s="703"/>
      <c r="E12" s="703"/>
      <c r="F12" s="703"/>
      <c r="G12" s="703"/>
      <c r="H12" s="710" t="s">
        <v>260</v>
      </c>
      <c r="I12" s="710"/>
      <c r="J12" s="710"/>
      <c r="K12" s="710"/>
      <c r="L12" s="710"/>
      <c r="M12" s="710"/>
      <c r="N12" s="710"/>
      <c r="O12" s="710"/>
      <c r="P12" s="710"/>
      <c r="Q12" s="710"/>
      <c r="R12" s="710"/>
      <c r="S12" s="710"/>
      <c r="T12" s="710"/>
      <c r="U12" s="710"/>
      <c r="V12" s="710"/>
      <c r="W12" s="710"/>
      <c r="X12" s="710"/>
      <c r="Y12" s="710"/>
      <c r="Z12" s="710"/>
      <c r="AA12" s="710"/>
      <c r="AB12" s="710"/>
      <c r="AC12" s="710"/>
      <c r="AD12" s="710"/>
      <c r="AE12" s="711"/>
      <c r="AF12" s="125"/>
    </row>
    <row r="13" spans="1:35" ht="32.65" customHeight="1">
      <c r="A13" s="125"/>
      <c r="B13" s="125"/>
      <c r="C13" s="704"/>
      <c r="D13" s="705"/>
      <c r="E13" s="705"/>
      <c r="F13" s="705"/>
      <c r="G13" s="705"/>
      <c r="H13" s="128">
        <v>1</v>
      </c>
      <c r="I13" s="712" t="s">
        <v>100</v>
      </c>
      <c r="J13" s="712"/>
      <c r="K13" s="712"/>
      <c r="L13" s="712"/>
      <c r="M13" s="712"/>
      <c r="N13" s="712"/>
      <c r="O13" s="712"/>
      <c r="P13" s="712"/>
      <c r="Q13" s="712"/>
      <c r="R13" s="712"/>
      <c r="S13" s="712"/>
      <c r="T13" s="712"/>
      <c r="U13" s="712"/>
      <c r="V13" s="712"/>
      <c r="W13" s="712"/>
      <c r="X13" s="712"/>
      <c r="Y13" s="712"/>
      <c r="Z13" s="712"/>
      <c r="AA13" s="712"/>
      <c r="AB13" s="712"/>
      <c r="AC13" s="712"/>
      <c r="AD13" s="712"/>
      <c r="AE13" s="713"/>
      <c r="AF13" s="125"/>
    </row>
    <row r="14" spans="1:35" ht="32.65" customHeight="1">
      <c r="A14" s="125"/>
      <c r="B14" s="125"/>
      <c r="C14" s="704"/>
      <c r="D14" s="705"/>
      <c r="E14" s="705"/>
      <c r="F14" s="705"/>
      <c r="G14" s="705"/>
      <c r="H14" s="128">
        <v>2</v>
      </c>
      <c r="I14" s="714" t="s">
        <v>93</v>
      </c>
      <c r="J14" s="714"/>
      <c r="K14" s="714"/>
      <c r="L14" s="714"/>
      <c r="M14" s="714"/>
      <c r="N14" s="714"/>
      <c r="O14" s="714"/>
      <c r="P14" s="714"/>
      <c r="Q14" s="714"/>
      <c r="R14" s="714"/>
      <c r="S14" s="714"/>
      <c r="T14" s="714"/>
      <c r="U14" s="714"/>
      <c r="V14" s="714"/>
      <c r="W14" s="714"/>
      <c r="X14" s="714"/>
      <c r="Y14" s="714"/>
      <c r="Z14" s="714"/>
      <c r="AA14" s="714"/>
      <c r="AB14" s="714"/>
      <c r="AC14" s="714"/>
      <c r="AD14" s="714"/>
      <c r="AE14" s="715"/>
      <c r="AF14" s="125"/>
    </row>
    <row r="15" spans="1:35" ht="32.65" customHeight="1">
      <c r="A15" s="125"/>
      <c r="B15" s="125"/>
      <c r="C15" s="704"/>
      <c r="D15" s="705"/>
      <c r="E15" s="705"/>
      <c r="F15" s="705"/>
      <c r="G15" s="705"/>
      <c r="H15" s="128">
        <v>3</v>
      </c>
      <c r="I15" s="714" t="s">
        <v>172</v>
      </c>
      <c r="J15" s="714"/>
      <c r="K15" s="714"/>
      <c r="L15" s="714"/>
      <c r="M15" s="714"/>
      <c r="N15" s="714"/>
      <c r="O15" s="714"/>
      <c r="P15" s="714"/>
      <c r="Q15" s="714"/>
      <c r="R15" s="714"/>
      <c r="S15" s="714"/>
      <c r="T15" s="714"/>
      <c r="U15" s="714"/>
      <c r="V15" s="714"/>
      <c r="W15" s="714"/>
      <c r="X15" s="714"/>
      <c r="Y15" s="714"/>
      <c r="Z15" s="714"/>
      <c r="AA15" s="714"/>
      <c r="AB15" s="714"/>
      <c r="AC15" s="714"/>
      <c r="AD15" s="714"/>
      <c r="AE15" s="715"/>
      <c r="AF15" s="125"/>
    </row>
    <row r="16" spans="1:35" ht="32.65" customHeight="1" thickBot="1">
      <c r="A16" s="125"/>
      <c r="B16" s="125"/>
      <c r="C16" s="609"/>
      <c r="D16" s="610"/>
      <c r="E16" s="610"/>
      <c r="F16" s="610"/>
      <c r="G16" s="610"/>
      <c r="H16" s="129">
        <v>4</v>
      </c>
      <c r="I16" s="716" t="s">
        <v>259</v>
      </c>
      <c r="J16" s="716"/>
      <c r="K16" s="716"/>
      <c r="L16" s="716"/>
      <c r="M16" s="716"/>
      <c r="N16" s="716"/>
      <c r="O16" s="716"/>
      <c r="P16" s="716"/>
      <c r="Q16" s="716"/>
      <c r="R16" s="716"/>
      <c r="S16" s="716"/>
      <c r="T16" s="716"/>
      <c r="U16" s="716"/>
      <c r="V16" s="716"/>
      <c r="W16" s="716"/>
      <c r="X16" s="716"/>
      <c r="Y16" s="716"/>
      <c r="Z16" s="716"/>
      <c r="AA16" s="716"/>
      <c r="AB16" s="716"/>
      <c r="AC16" s="716"/>
      <c r="AD16" s="716"/>
      <c r="AE16" s="717"/>
      <c r="AF16" s="125"/>
    </row>
    <row r="17" spans="1:32" ht="32.65" customHeight="1">
      <c r="A17" s="125"/>
      <c r="B17" s="125"/>
      <c r="C17" s="718" t="s">
        <v>219</v>
      </c>
      <c r="D17" s="718"/>
      <c r="E17" s="718"/>
      <c r="F17" s="718"/>
      <c r="G17" s="718"/>
      <c r="H17" s="718"/>
      <c r="I17" s="718"/>
      <c r="J17" s="718"/>
      <c r="K17" s="718"/>
      <c r="L17" s="718"/>
      <c r="M17" s="718"/>
      <c r="N17" s="718"/>
      <c r="O17" s="718"/>
      <c r="P17" s="718"/>
      <c r="Q17" s="718"/>
      <c r="R17" s="718"/>
      <c r="S17" s="718"/>
      <c r="T17" s="718"/>
      <c r="U17" s="718"/>
      <c r="V17" s="718"/>
      <c r="W17" s="718"/>
      <c r="X17" s="718"/>
      <c r="Y17" s="718"/>
      <c r="Z17" s="718"/>
      <c r="AA17" s="718"/>
      <c r="AB17" s="718"/>
      <c r="AC17" s="718"/>
      <c r="AD17" s="718"/>
      <c r="AE17" s="718"/>
      <c r="AF17" s="125"/>
    </row>
    <row r="18" spans="1:32" ht="15" customHeight="1">
      <c r="A18" s="125"/>
      <c r="B18" s="125"/>
      <c r="C18" s="214"/>
      <c r="D18" s="214"/>
      <c r="E18" s="214"/>
      <c r="F18" s="214"/>
      <c r="G18" s="214"/>
      <c r="H18" s="214"/>
      <c r="I18" s="214"/>
      <c r="J18" s="214"/>
      <c r="K18" s="214"/>
      <c r="L18" s="214"/>
      <c r="M18" s="214"/>
      <c r="N18" s="214"/>
      <c r="O18" s="214"/>
      <c r="P18" s="214"/>
      <c r="Q18" s="214"/>
      <c r="R18" s="214"/>
      <c r="S18" s="214"/>
      <c r="T18" s="214"/>
      <c r="U18" s="214"/>
      <c r="V18" s="214"/>
      <c r="W18" s="214"/>
      <c r="X18" s="214"/>
      <c r="Y18" s="214"/>
      <c r="Z18" s="214"/>
      <c r="AA18" s="214"/>
      <c r="AB18" s="214"/>
      <c r="AC18" s="214"/>
      <c r="AD18" s="125"/>
      <c r="AE18" s="125"/>
      <c r="AF18" s="125"/>
    </row>
    <row r="19" spans="1:32" ht="29.25" customHeight="1" thickBot="1">
      <c r="A19" s="125"/>
      <c r="B19" s="125"/>
      <c r="C19" s="618" t="s">
        <v>94</v>
      </c>
      <c r="D19" s="618"/>
      <c r="E19" s="618"/>
      <c r="F19" s="618"/>
      <c r="G19" s="618"/>
      <c r="H19" s="618"/>
      <c r="I19" s="618"/>
      <c r="J19" s="618"/>
      <c r="K19" s="618"/>
      <c r="L19" s="618"/>
      <c r="M19" s="618"/>
      <c r="N19" s="618"/>
      <c r="O19" s="618"/>
      <c r="P19" s="618"/>
      <c r="Q19" s="618"/>
      <c r="R19" s="618"/>
      <c r="S19" s="618"/>
      <c r="T19" s="618"/>
      <c r="U19" s="618"/>
      <c r="V19" s="618"/>
      <c r="W19" s="618"/>
      <c r="X19" s="618"/>
      <c r="Y19" s="618"/>
      <c r="Z19" s="618"/>
      <c r="AA19" s="618"/>
      <c r="AB19" s="618"/>
      <c r="AC19" s="618"/>
      <c r="AD19" s="125"/>
      <c r="AE19" s="125"/>
      <c r="AF19" s="125"/>
    </row>
    <row r="20" spans="1:32" ht="32.65" customHeight="1">
      <c r="A20" s="125"/>
      <c r="B20" s="125"/>
      <c r="C20" s="702" t="s">
        <v>21</v>
      </c>
      <c r="D20" s="703"/>
      <c r="E20" s="703"/>
      <c r="F20" s="703"/>
      <c r="G20" s="703"/>
      <c r="H20" s="710" t="s">
        <v>95</v>
      </c>
      <c r="I20" s="710"/>
      <c r="J20" s="710"/>
      <c r="K20" s="710"/>
      <c r="L20" s="710"/>
      <c r="M20" s="710"/>
      <c r="N20" s="710"/>
      <c r="O20" s="710"/>
      <c r="P20" s="710"/>
      <c r="Q20" s="710"/>
      <c r="R20" s="710"/>
      <c r="S20" s="710"/>
      <c r="T20" s="710"/>
      <c r="U20" s="710"/>
      <c r="V20" s="710"/>
      <c r="W20" s="710"/>
      <c r="X20" s="710"/>
      <c r="Y20" s="710"/>
      <c r="Z20" s="710"/>
      <c r="AA20" s="710"/>
      <c r="AB20" s="710"/>
      <c r="AC20" s="710"/>
      <c r="AD20" s="710"/>
      <c r="AE20" s="711"/>
      <c r="AF20" s="125"/>
    </row>
    <row r="21" spans="1:32" ht="32.65" customHeight="1">
      <c r="A21" s="125"/>
      <c r="B21" s="125"/>
      <c r="C21" s="704"/>
      <c r="D21" s="705"/>
      <c r="E21" s="705"/>
      <c r="F21" s="705"/>
      <c r="G21" s="705"/>
      <c r="H21" s="127">
        <v>1</v>
      </c>
      <c r="I21" s="714" t="s">
        <v>270</v>
      </c>
      <c r="J21" s="714"/>
      <c r="K21" s="714"/>
      <c r="L21" s="714"/>
      <c r="M21" s="714"/>
      <c r="N21" s="714"/>
      <c r="O21" s="714"/>
      <c r="P21" s="714"/>
      <c r="Q21" s="714"/>
      <c r="R21" s="714"/>
      <c r="S21" s="714"/>
      <c r="T21" s="714"/>
      <c r="U21" s="714"/>
      <c r="V21" s="714"/>
      <c r="W21" s="714"/>
      <c r="X21" s="714"/>
      <c r="Y21" s="714"/>
      <c r="Z21" s="714"/>
      <c r="AA21" s="714"/>
      <c r="AB21" s="714"/>
      <c r="AC21" s="714"/>
      <c r="AD21" s="714"/>
      <c r="AE21" s="715"/>
      <c r="AF21" s="125"/>
    </row>
    <row r="22" spans="1:32" ht="32.65" customHeight="1" thickBot="1">
      <c r="A22" s="125"/>
      <c r="B22" s="125"/>
      <c r="C22" s="609"/>
      <c r="D22" s="610"/>
      <c r="E22" s="610"/>
      <c r="F22" s="610"/>
      <c r="G22" s="610"/>
      <c r="H22" s="376">
        <v>2</v>
      </c>
      <c r="I22" s="716" t="s">
        <v>269</v>
      </c>
      <c r="J22" s="716"/>
      <c r="K22" s="716"/>
      <c r="L22" s="716"/>
      <c r="M22" s="716"/>
      <c r="N22" s="716"/>
      <c r="O22" s="716"/>
      <c r="P22" s="716"/>
      <c r="Q22" s="716"/>
      <c r="R22" s="716"/>
      <c r="S22" s="716"/>
      <c r="T22" s="716"/>
      <c r="U22" s="716"/>
      <c r="V22" s="716"/>
      <c r="W22" s="716"/>
      <c r="X22" s="716"/>
      <c r="Y22" s="716"/>
      <c r="Z22" s="716"/>
      <c r="AA22" s="716"/>
      <c r="AB22" s="716"/>
      <c r="AC22" s="716"/>
      <c r="AD22" s="716"/>
      <c r="AE22" s="717"/>
      <c r="AF22" s="125"/>
    </row>
    <row r="23" spans="1:32" ht="21" customHeight="1">
      <c r="A23" s="125"/>
      <c r="B23" s="125"/>
      <c r="C23" s="718" t="s">
        <v>173</v>
      </c>
      <c r="D23" s="718"/>
      <c r="E23" s="718"/>
      <c r="F23" s="718"/>
      <c r="G23" s="718"/>
      <c r="H23" s="718"/>
      <c r="I23" s="718"/>
      <c r="J23" s="718"/>
      <c r="K23" s="718"/>
      <c r="L23" s="718"/>
      <c r="M23" s="718"/>
      <c r="N23" s="718"/>
      <c r="O23" s="718"/>
      <c r="P23" s="718"/>
      <c r="Q23" s="718"/>
      <c r="R23" s="718"/>
      <c r="S23" s="718"/>
      <c r="T23" s="718"/>
      <c r="U23" s="718"/>
      <c r="V23" s="718"/>
      <c r="W23" s="718"/>
      <c r="X23" s="718"/>
      <c r="Y23" s="718"/>
      <c r="Z23" s="718"/>
      <c r="AA23" s="718"/>
      <c r="AB23" s="718"/>
      <c r="AC23" s="718"/>
      <c r="AD23" s="718"/>
      <c r="AE23" s="718"/>
      <c r="AF23" s="125"/>
    </row>
    <row r="24" spans="1:32" ht="15" customHeight="1">
      <c r="A24" s="125"/>
      <c r="B24" s="125"/>
      <c r="C24" s="212"/>
      <c r="D24" s="212"/>
      <c r="E24" s="212"/>
      <c r="F24" s="212"/>
      <c r="G24" s="212"/>
      <c r="H24" s="212"/>
      <c r="I24" s="212"/>
      <c r="J24" s="212"/>
      <c r="K24" s="212"/>
      <c r="L24" s="212"/>
      <c r="M24" s="212"/>
      <c r="N24" s="212"/>
      <c r="O24" s="212"/>
      <c r="P24" s="212"/>
      <c r="Q24" s="212"/>
      <c r="R24" s="212"/>
      <c r="S24" s="212"/>
      <c r="T24" s="212"/>
      <c r="U24" s="212"/>
      <c r="V24" s="212"/>
      <c r="W24" s="212"/>
      <c r="X24" s="212"/>
      <c r="Y24" s="212"/>
      <c r="Z24" s="212"/>
      <c r="AA24" s="212"/>
      <c r="AB24" s="212"/>
      <c r="AC24" s="212"/>
      <c r="AD24" s="125"/>
      <c r="AE24" s="125"/>
      <c r="AF24" s="125"/>
    </row>
    <row r="25" spans="1:32" ht="24" customHeight="1" thickBot="1">
      <c r="A25" s="125"/>
      <c r="B25" s="125"/>
      <c r="C25" s="618" t="s">
        <v>111</v>
      </c>
      <c r="D25" s="618"/>
      <c r="E25" s="618"/>
      <c r="F25" s="618"/>
      <c r="G25" s="618"/>
      <c r="H25" s="618"/>
      <c r="I25" s="618"/>
      <c r="J25" s="618"/>
      <c r="K25" s="618"/>
      <c r="L25" s="618"/>
      <c r="M25" s="618"/>
      <c r="N25" s="618"/>
      <c r="O25" s="618"/>
      <c r="P25" s="618"/>
      <c r="Q25" s="618"/>
      <c r="R25" s="618"/>
      <c r="S25" s="618"/>
      <c r="T25" s="618"/>
      <c r="U25" s="618"/>
      <c r="V25" s="618"/>
      <c r="W25" s="618"/>
      <c r="X25" s="618"/>
      <c r="Y25" s="618"/>
      <c r="Z25" s="618"/>
      <c r="AA25" s="618"/>
      <c r="AB25" s="618"/>
      <c r="AC25" s="618"/>
      <c r="AD25" s="125"/>
      <c r="AE25" s="125"/>
      <c r="AF25" s="125"/>
    </row>
    <row r="26" spans="1:32" ht="32.65" customHeight="1">
      <c r="A26" s="125"/>
      <c r="B26" s="125"/>
      <c r="C26" s="702" t="s">
        <v>21</v>
      </c>
      <c r="D26" s="703"/>
      <c r="E26" s="703"/>
      <c r="F26" s="703"/>
      <c r="G26" s="703"/>
      <c r="H26" s="710" t="s">
        <v>97</v>
      </c>
      <c r="I26" s="710"/>
      <c r="J26" s="710"/>
      <c r="K26" s="710"/>
      <c r="L26" s="710"/>
      <c r="M26" s="710"/>
      <c r="N26" s="710"/>
      <c r="O26" s="710"/>
      <c r="P26" s="710"/>
      <c r="Q26" s="710"/>
      <c r="R26" s="710"/>
      <c r="S26" s="710"/>
      <c r="T26" s="710"/>
      <c r="U26" s="710"/>
      <c r="V26" s="710"/>
      <c r="W26" s="710"/>
      <c r="X26" s="710"/>
      <c r="Y26" s="710"/>
      <c r="Z26" s="710"/>
      <c r="AA26" s="710"/>
      <c r="AB26" s="710"/>
      <c r="AC26" s="710"/>
      <c r="AD26" s="710"/>
      <c r="AE26" s="711"/>
      <c r="AF26" s="125"/>
    </row>
    <row r="27" spans="1:32" ht="32.65" customHeight="1">
      <c r="A27" s="125"/>
      <c r="B27" s="125"/>
      <c r="C27" s="704"/>
      <c r="D27" s="705"/>
      <c r="E27" s="705"/>
      <c r="F27" s="705"/>
      <c r="G27" s="705"/>
      <c r="H27" s="127">
        <v>1</v>
      </c>
      <c r="I27" s="714" t="s">
        <v>98</v>
      </c>
      <c r="J27" s="714"/>
      <c r="K27" s="714"/>
      <c r="L27" s="714"/>
      <c r="M27" s="714"/>
      <c r="N27" s="714"/>
      <c r="O27" s="714"/>
      <c r="P27" s="714"/>
      <c r="Q27" s="714"/>
      <c r="R27" s="714"/>
      <c r="S27" s="714"/>
      <c r="T27" s="714"/>
      <c r="U27" s="714"/>
      <c r="V27" s="714"/>
      <c r="W27" s="714"/>
      <c r="X27" s="714"/>
      <c r="Y27" s="714"/>
      <c r="Z27" s="714"/>
      <c r="AA27" s="714"/>
      <c r="AB27" s="714"/>
      <c r="AC27" s="714"/>
      <c r="AD27" s="714"/>
      <c r="AE27" s="715"/>
      <c r="AF27" s="125"/>
    </row>
    <row r="28" spans="1:32" ht="32.65" customHeight="1" thickBot="1">
      <c r="A28" s="125"/>
      <c r="B28" s="125"/>
      <c r="C28" s="609"/>
      <c r="D28" s="610"/>
      <c r="E28" s="610"/>
      <c r="F28" s="610"/>
      <c r="G28" s="610"/>
      <c r="H28" s="376">
        <v>2</v>
      </c>
      <c r="I28" s="716" t="s">
        <v>99</v>
      </c>
      <c r="J28" s="716"/>
      <c r="K28" s="716"/>
      <c r="L28" s="716"/>
      <c r="M28" s="716"/>
      <c r="N28" s="716"/>
      <c r="O28" s="716"/>
      <c r="P28" s="716"/>
      <c r="Q28" s="716"/>
      <c r="R28" s="716"/>
      <c r="S28" s="716"/>
      <c r="T28" s="716"/>
      <c r="U28" s="716"/>
      <c r="V28" s="716"/>
      <c r="W28" s="716"/>
      <c r="X28" s="716"/>
      <c r="Y28" s="716"/>
      <c r="Z28" s="716"/>
      <c r="AA28" s="716"/>
      <c r="AB28" s="716"/>
      <c r="AC28" s="716"/>
      <c r="AD28" s="716"/>
      <c r="AE28" s="717"/>
      <c r="AF28" s="125"/>
    </row>
    <row r="29" spans="1:32" ht="32.65" customHeight="1">
      <c r="A29" s="125"/>
      <c r="B29" s="125"/>
      <c r="C29" s="718" t="s">
        <v>174</v>
      </c>
      <c r="D29" s="718"/>
      <c r="E29" s="718"/>
      <c r="F29" s="718"/>
      <c r="G29" s="718"/>
      <c r="H29" s="718"/>
      <c r="I29" s="718"/>
      <c r="J29" s="718"/>
      <c r="K29" s="718"/>
      <c r="L29" s="718"/>
      <c r="M29" s="718"/>
      <c r="N29" s="718"/>
      <c r="O29" s="718"/>
      <c r="P29" s="718"/>
      <c r="Q29" s="718"/>
      <c r="R29" s="718"/>
      <c r="S29" s="718"/>
      <c r="T29" s="718"/>
      <c r="U29" s="718"/>
      <c r="V29" s="718"/>
      <c r="W29" s="718"/>
      <c r="X29" s="718"/>
      <c r="Y29" s="718"/>
      <c r="Z29" s="718"/>
      <c r="AA29" s="718"/>
      <c r="AB29" s="718"/>
      <c r="AC29" s="718"/>
      <c r="AD29" s="718"/>
      <c r="AE29" s="718"/>
      <c r="AF29" s="125"/>
    </row>
    <row r="30" spans="1:32" ht="66.75" customHeight="1">
      <c r="A30" s="125"/>
      <c r="B30" s="125"/>
      <c r="C30" s="719" t="s">
        <v>261</v>
      </c>
      <c r="D30" s="719"/>
      <c r="E30" s="719"/>
      <c r="F30" s="719"/>
      <c r="G30" s="719"/>
      <c r="H30" s="719"/>
      <c r="I30" s="719"/>
      <c r="J30" s="719"/>
      <c r="K30" s="719"/>
      <c r="L30" s="719"/>
      <c r="M30" s="719"/>
      <c r="N30" s="719"/>
      <c r="O30" s="719"/>
      <c r="P30" s="719"/>
      <c r="Q30" s="719"/>
      <c r="R30" s="719"/>
      <c r="S30" s="719"/>
      <c r="T30" s="719"/>
      <c r="U30" s="719"/>
      <c r="V30" s="719"/>
      <c r="W30" s="719"/>
      <c r="X30" s="719"/>
      <c r="Y30" s="719"/>
      <c r="Z30" s="719"/>
      <c r="AA30" s="719"/>
      <c r="AB30" s="719"/>
      <c r="AC30" s="719"/>
      <c r="AD30" s="719"/>
      <c r="AE30" s="719"/>
      <c r="AF30" s="125"/>
    </row>
    <row r="31" spans="1:32" ht="15" customHeight="1">
      <c r="A31" s="125"/>
      <c r="B31" s="125"/>
      <c r="C31" s="130"/>
      <c r="D31" s="125"/>
      <c r="E31" s="125"/>
      <c r="F31" s="125"/>
      <c r="G31" s="125"/>
      <c r="H31" s="125"/>
      <c r="I31" s="125"/>
      <c r="J31" s="125"/>
      <c r="K31" s="125"/>
      <c r="L31" s="125"/>
      <c r="M31" s="125"/>
      <c r="N31" s="125"/>
      <c r="O31" s="125"/>
      <c r="P31" s="125"/>
      <c r="Q31" s="125"/>
      <c r="R31" s="125"/>
      <c r="S31" s="125"/>
      <c r="T31" s="125"/>
      <c r="U31" s="125"/>
      <c r="V31" s="125"/>
      <c r="W31" s="125"/>
      <c r="X31" s="125"/>
      <c r="Y31" s="125"/>
      <c r="Z31" s="125"/>
      <c r="AA31" s="125"/>
      <c r="AB31" s="125"/>
      <c r="AC31" s="125"/>
      <c r="AD31" s="125"/>
      <c r="AE31" s="125"/>
      <c r="AF31" s="125"/>
    </row>
    <row r="32" spans="1:32" ht="24" customHeight="1">
      <c r="A32" s="148"/>
      <c r="B32" s="149" t="s">
        <v>52</v>
      </c>
      <c r="C32" s="110"/>
      <c r="D32" s="148"/>
      <c r="E32" s="148"/>
      <c r="F32" s="148"/>
      <c r="G32" s="148"/>
      <c r="H32" s="148"/>
      <c r="I32" s="148"/>
      <c r="J32" s="148"/>
      <c r="K32" s="148"/>
      <c r="L32" s="148"/>
      <c r="M32" s="148"/>
      <c r="N32" s="148"/>
      <c r="O32" s="148"/>
      <c r="P32" s="148"/>
      <c r="Q32" s="148"/>
      <c r="R32" s="148"/>
      <c r="S32" s="148"/>
      <c r="T32" s="148"/>
      <c r="U32" s="148"/>
      <c r="V32" s="148"/>
      <c r="W32" s="148"/>
      <c r="X32" s="148"/>
      <c r="Y32" s="148"/>
      <c r="Z32" s="148"/>
      <c r="AA32" s="148"/>
      <c r="AB32" s="148"/>
      <c r="AC32" s="148"/>
      <c r="AD32" s="148"/>
      <c r="AE32" s="148"/>
      <c r="AF32" s="148"/>
    </row>
    <row r="33" spans="1:34" ht="17.25" customHeight="1">
      <c r="A33" s="125"/>
      <c r="B33" s="125"/>
      <c r="C33" s="131" t="s">
        <v>175</v>
      </c>
      <c r="D33" s="132"/>
      <c r="E33" s="133"/>
      <c r="F33" s="133"/>
      <c r="G33" s="133"/>
      <c r="H33" s="133"/>
      <c r="I33" s="125"/>
      <c r="J33" s="125"/>
      <c r="K33" s="125"/>
      <c r="L33" s="125"/>
      <c r="M33" s="125"/>
      <c r="N33" s="125"/>
      <c r="O33" s="125"/>
      <c r="P33" s="125"/>
      <c r="Q33" s="125"/>
      <c r="R33" s="125"/>
      <c r="S33" s="125"/>
      <c r="T33" s="125"/>
      <c r="U33" s="125"/>
      <c r="V33" s="125"/>
      <c r="W33" s="125"/>
      <c r="X33" s="125"/>
      <c r="Y33" s="125"/>
      <c r="Z33" s="125"/>
      <c r="AA33" s="125"/>
      <c r="AB33" s="125"/>
      <c r="AC33" s="125"/>
      <c r="AD33" s="125"/>
      <c r="AE33" s="125"/>
      <c r="AF33" s="125"/>
      <c r="AG33" s="69" t="s">
        <v>333</v>
      </c>
    </row>
    <row r="34" spans="1:34" ht="24" customHeight="1" thickBot="1">
      <c r="A34" s="125"/>
      <c r="B34" s="125"/>
      <c r="C34" s="709" t="s">
        <v>126</v>
      </c>
      <c r="D34" s="709"/>
      <c r="E34" s="709"/>
      <c r="F34" s="709"/>
      <c r="G34" s="709"/>
      <c r="H34" s="133"/>
      <c r="I34" s="125"/>
      <c r="J34" s="125"/>
      <c r="K34" s="125"/>
      <c r="L34" s="125"/>
      <c r="M34" s="125"/>
      <c r="N34" s="125"/>
      <c r="O34" s="125"/>
      <c r="P34" s="125"/>
      <c r="Q34" s="125"/>
      <c r="R34" s="125"/>
      <c r="S34" s="125"/>
      <c r="T34" s="125"/>
      <c r="U34" s="125"/>
      <c r="V34" s="125"/>
      <c r="W34" s="125"/>
      <c r="X34" s="125"/>
      <c r="Y34" s="125"/>
      <c r="Z34" s="125"/>
      <c r="AA34" s="125"/>
      <c r="AB34" s="125"/>
      <c r="AC34" s="125"/>
      <c r="AD34" s="125"/>
      <c r="AE34" s="125"/>
      <c r="AF34" s="125"/>
      <c r="AG34" s="69" t="s">
        <v>335</v>
      </c>
    </row>
    <row r="35" spans="1:34" ht="32.65" customHeight="1" thickBot="1">
      <c r="A35" s="125"/>
      <c r="B35" s="125"/>
      <c r="C35" s="706"/>
      <c r="D35" s="707"/>
      <c r="E35" s="707"/>
      <c r="F35" s="707"/>
      <c r="G35" s="708"/>
      <c r="H35" s="133"/>
      <c r="I35" s="1096" t="s">
        <v>436</v>
      </c>
      <c r="J35" s="1096"/>
      <c r="K35" s="1096"/>
      <c r="L35" s="1096"/>
      <c r="M35" s="1096"/>
      <c r="N35" s="1096"/>
      <c r="O35" s="1096"/>
      <c r="P35" s="1096"/>
      <c r="Q35" s="1096"/>
      <c r="R35" s="1096"/>
      <c r="S35" s="1096"/>
      <c r="T35" s="1096"/>
      <c r="U35" s="1096"/>
      <c r="V35" s="1096"/>
      <c r="W35" s="1096"/>
      <c r="X35" s="1096"/>
      <c r="Y35" s="1096"/>
      <c r="Z35" s="1096"/>
      <c r="AA35" s="1096"/>
      <c r="AB35" s="1096"/>
      <c r="AC35" s="1096"/>
      <c r="AD35" s="1096"/>
      <c r="AE35" s="1096"/>
      <c r="AF35" s="125"/>
      <c r="AG35" s="69" t="s">
        <v>334</v>
      </c>
    </row>
    <row r="36" spans="1:34" ht="15" customHeight="1">
      <c r="A36" s="125"/>
      <c r="B36" s="125"/>
      <c r="C36" s="134"/>
      <c r="D36" s="134"/>
      <c r="E36" s="134"/>
      <c r="F36" s="134"/>
      <c r="G36" s="134"/>
      <c r="H36" s="133"/>
      <c r="I36" s="125"/>
      <c r="J36" s="125"/>
      <c r="K36" s="125"/>
      <c r="L36" s="125"/>
      <c r="M36" s="125"/>
      <c r="N36" s="125"/>
      <c r="O36" s="125"/>
      <c r="P36" s="125"/>
      <c r="Q36" s="125"/>
      <c r="R36" s="125"/>
      <c r="S36" s="125"/>
      <c r="T36" s="125"/>
      <c r="U36" s="125"/>
      <c r="V36" s="125"/>
      <c r="W36" s="125"/>
      <c r="X36" s="125"/>
      <c r="Y36" s="125"/>
      <c r="Z36" s="125"/>
      <c r="AA36" s="125"/>
      <c r="AB36" s="125"/>
      <c r="AC36" s="125"/>
      <c r="AD36" s="125"/>
      <c r="AE36" s="125"/>
      <c r="AF36" s="125"/>
    </row>
    <row r="37" spans="1:34" ht="17.25" hidden="1" customHeight="1" outlineLevel="1">
      <c r="A37" s="125"/>
      <c r="B37" s="125"/>
      <c r="C37" s="135" t="s">
        <v>184</v>
      </c>
      <c r="D37" s="125"/>
      <c r="E37" s="125"/>
      <c r="F37" s="125"/>
      <c r="G37" s="125"/>
      <c r="H37" s="125"/>
      <c r="I37" s="125"/>
      <c r="J37" s="125"/>
      <c r="K37" s="125"/>
      <c r="L37" s="125"/>
      <c r="M37" s="125"/>
      <c r="N37" s="125"/>
      <c r="O37" s="125"/>
      <c r="P37" s="125"/>
      <c r="Q37" s="125"/>
      <c r="R37" s="125"/>
      <c r="S37" s="125"/>
      <c r="T37" s="125"/>
      <c r="U37" s="125"/>
      <c r="V37" s="125"/>
      <c r="W37" s="125"/>
      <c r="X37" s="125"/>
      <c r="Y37" s="125"/>
      <c r="Z37" s="125"/>
      <c r="AA37" s="125"/>
      <c r="AB37" s="125"/>
      <c r="AC37" s="125"/>
      <c r="AD37" s="125"/>
      <c r="AE37" s="125"/>
      <c r="AF37" s="125"/>
    </row>
    <row r="38" spans="1:34" ht="18" hidden="1" customHeight="1" outlineLevel="1" thickBot="1">
      <c r="A38" s="125"/>
      <c r="B38" s="125"/>
      <c r="C38" s="701" t="s">
        <v>89</v>
      </c>
      <c r="D38" s="701"/>
      <c r="E38" s="701"/>
      <c r="F38" s="701"/>
      <c r="G38" s="701"/>
      <c r="H38" s="150"/>
      <c r="I38" s="125"/>
      <c r="J38" s="125"/>
      <c r="K38" s="125"/>
      <c r="L38" s="125"/>
      <c r="M38" s="125"/>
      <c r="N38" s="125"/>
      <c r="O38" s="125"/>
      <c r="P38" s="125"/>
      <c r="Q38" s="125"/>
      <c r="R38" s="125"/>
      <c r="S38" s="125"/>
      <c r="T38" s="125"/>
      <c r="U38" s="125"/>
      <c r="V38" s="125"/>
      <c r="W38" s="125"/>
      <c r="X38" s="125"/>
      <c r="Y38" s="125"/>
      <c r="Z38" s="125"/>
      <c r="AA38" s="125"/>
      <c r="AB38" s="125"/>
      <c r="AC38" s="125"/>
      <c r="AD38" s="125"/>
      <c r="AE38" s="125"/>
      <c r="AF38" s="125"/>
    </row>
    <row r="39" spans="1:34" ht="32.65" hidden="1" customHeight="1" outlineLevel="1" thickBot="1">
      <c r="A39" s="125"/>
      <c r="B39" s="125"/>
      <c r="C39" s="611"/>
      <c r="D39" s="612"/>
      <c r="E39" s="612"/>
      <c r="F39" s="612"/>
      <c r="G39" s="613"/>
      <c r="H39" s="151" t="s">
        <v>122</v>
      </c>
      <c r="I39" s="125"/>
      <c r="J39" s="125"/>
      <c r="K39" s="125"/>
      <c r="L39" s="125"/>
      <c r="M39" s="125"/>
      <c r="N39" s="125"/>
      <c r="O39" s="125"/>
      <c r="P39" s="125"/>
      <c r="Q39" s="125"/>
      <c r="R39" s="125"/>
      <c r="S39" s="125"/>
      <c r="T39" s="125"/>
      <c r="U39" s="125"/>
      <c r="V39" s="125"/>
      <c r="W39" s="125"/>
      <c r="X39" s="125"/>
      <c r="Y39" s="125"/>
      <c r="Z39" s="125"/>
      <c r="AA39" s="125"/>
      <c r="AB39" s="125"/>
      <c r="AC39" s="125"/>
      <c r="AD39" s="125"/>
      <c r="AE39" s="125"/>
      <c r="AF39" s="125"/>
    </row>
    <row r="40" spans="1:34" ht="15" customHeight="1" collapsed="1">
      <c r="A40" s="125"/>
      <c r="B40" s="125"/>
      <c r="C40" s="136"/>
      <c r="D40" s="125"/>
      <c r="E40" s="125"/>
      <c r="F40" s="125"/>
      <c r="G40" s="125"/>
      <c r="H40" s="125"/>
      <c r="I40" s="125"/>
      <c r="J40" s="125"/>
      <c r="K40" s="125"/>
      <c r="L40" s="125"/>
      <c r="M40" s="125"/>
      <c r="N40" s="125"/>
      <c r="O40" s="125"/>
      <c r="P40" s="125"/>
      <c r="Q40" s="125"/>
      <c r="R40" s="125"/>
      <c r="S40" s="125"/>
      <c r="T40" s="125"/>
      <c r="U40" s="125"/>
      <c r="V40" s="125"/>
      <c r="W40" s="125"/>
      <c r="X40" s="125"/>
      <c r="Y40" s="125"/>
      <c r="Z40" s="125"/>
      <c r="AA40" s="125"/>
      <c r="AB40" s="125"/>
      <c r="AC40" s="125"/>
      <c r="AD40" s="125"/>
      <c r="AE40" s="125"/>
      <c r="AF40" s="125"/>
    </row>
    <row r="41" spans="1:34" ht="34.5" customHeight="1">
      <c r="A41" s="125"/>
      <c r="B41" s="125"/>
      <c r="C41" s="618" t="s">
        <v>221</v>
      </c>
      <c r="D41" s="618"/>
      <c r="E41" s="618"/>
      <c r="F41" s="618"/>
      <c r="G41" s="618"/>
      <c r="H41" s="618"/>
      <c r="I41" s="618"/>
      <c r="J41" s="618"/>
      <c r="K41" s="618"/>
      <c r="L41" s="618"/>
      <c r="M41" s="618"/>
      <c r="N41" s="618"/>
      <c r="O41" s="618"/>
      <c r="P41" s="618"/>
      <c r="Q41" s="618"/>
      <c r="R41" s="618"/>
      <c r="S41" s="618"/>
      <c r="T41" s="618"/>
      <c r="U41" s="618"/>
      <c r="V41" s="618"/>
      <c r="W41" s="618"/>
      <c r="X41" s="618"/>
      <c r="Y41" s="618"/>
      <c r="Z41" s="618"/>
      <c r="AA41" s="618"/>
      <c r="AB41" s="618"/>
      <c r="AC41" s="618"/>
      <c r="AD41" s="618"/>
      <c r="AE41" s="618"/>
      <c r="AF41" s="125"/>
    </row>
    <row r="42" spans="1:34" ht="24" customHeight="1" thickBot="1">
      <c r="A42" s="125"/>
      <c r="B42" s="125"/>
      <c r="C42" s="152" t="s">
        <v>222</v>
      </c>
      <c r="D42" s="152"/>
      <c r="E42" s="152"/>
      <c r="F42" s="152"/>
      <c r="G42" s="152"/>
      <c r="H42" s="125"/>
      <c r="I42" s="125"/>
      <c r="J42" s="125"/>
      <c r="K42" s="125"/>
      <c r="L42" s="125"/>
      <c r="M42" s="125"/>
      <c r="N42" s="125"/>
      <c r="O42" s="125"/>
      <c r="P42" s="125"/>
      <c r="Q42" s="125"/>
      <c r="R42" s="125"/>
      <c r="S42" s="125"/>
      <c r="T42" s="125"/>
      <c r="U42" s="125"/>
      <c r="V42" s="125"/>
      <c r="W42" s="125"/>
      <c r="X42" s="125"/>
      <c r="Y42" s="125"/>
      <c r="Z42" s="125"/>
      <c r="AA42" s="125"/>
      <c r="AB42" s="125"/>
      <c r="AC42" s="125"/>
      <c r="AD42" s="125"/>
      <c r="AE42" s="125"/>
      <c r="AF42" s="125"/>
    </row>
    <row r="43" spans="1:34" ht="32.65" customHeight="1" thickBot="1">
      <c r="A43" s="125"/>
      <c r="B43" s="125"/>
      <c r="C43" s="725"/>
      <c r="D43" s="726"/>
      <c r="E43" s="726"/>
      <c r="F43" s="726"/>
      <c r="G43" s="727"/>
      <c r="H43" s="137" t="s">
        <v>122</v>
      </c>
      <c r="I43" s="125"/>
      <c r="J43" s="125"/>
      <c r="K43" s="125"/>
      <c r="L43" s="125"/>
      <c r="M43" s="125"/>
      <c r="N43" s="125"/>
      <c r="O43" s="125"/>
      <c r="P43" s="125"/>
      <c r="Q43" s="125"/>
      <c r="R43" s="125"/>
      <c r="S43" s="125"/>
      <c r="T43" s="125"/>
      <c r="U43" s="125"/>
      <c r="V43" s="125"/>
      <c r="W43" s="125"/>
      <c r="X43" s="125"/>
      <c r="Y43" s="125"/>
      <c r="Z43" s="125"/>
      <c r="AA43" s="125"/>
      <c r="AB43" s="125"/>
      <c r="AC43" s="125"/>
      <c r="AD43" s="125"/>
      <c r="AE43" s="125"/>
      <c r="AF43" s="125"/>
    </row>
    <row r="44" spans="1:34" ht="13.9" customHeight="1">
      <c r="A44" s="125"/>
      <c r="B44" s="125"/>
      <c r="C44" s="138"/>
      <c r="D44" s="138"/>
      <c r="E44" s="138"/>
      <c r="F44" s="138"/>
      <c r="G44" s="138"/>
      <c r="H44" s="215"/>
      <c r="I44" s="125"/>
      <c r="J44" s="125"/>
      <c r="K44" s="125"/>
      <c r="L44" s="125"/>
      <c r="M44" s="125"/>
      <c r="N44" s="125"/>
      <c r="O44" s="125"/>
      <c r="P44" s="125"/>
      <c r="Q44" s="125"/>
      <c r="R44" s="125"/>
      <c r="S44" s="125"/>
      <c r="T44" s="125"/>
      <c r="U44" s="125"/>
      <c r="V44" s="125"/>
      <c r="W44" s="125"/>
      <c r="X44" s="125"/>
      <c r="Y44" s="125"/>
      <c r="Z44" s="125"/>
      <c r="AA44" s="125"/>
      <c r="AB44" s="125"/>
      <c r="AC44" s="125"/>
      <c r="AD44" s="125"/>
      <c r="AE44" s="125"/>
      <c r="AF44" s="125"/>
    </row>
    <row r="45" spans="1:34" ht="20.45" customHeight="1" thickBot="1">
      <c r="A45" s="125"/>
      <c r="B45" s="125"/>
      <c r="C45" s="617" t="s">
        <v>431</v>
      </c>
      <c r="D45" s="617"/>
      <c r="E45" s="617"/>
      <c r="F45" s="617"/>
      <c r="G45" s="617"/>
      <c r="H45" s="617"/>
      <c r="I45" s="617"/>
      <c r="J45" s="617"/>
      <c r="K45" s="617"/>
      <c r="L45" s="617"/>
      <c r="M45" s="617"/>
      <c r="N45" s="617"/>
      <c r="O45" s="617"/>
      <c r="P45" s="617"/>
      <c r="Q45" s="617"/>
      <c r="R45" s="617"/>
      <c r="S45" s="617"/>
      <c r="T45" s="617"/>
      <c r="U45" s="617"/>
      <c r="V45" s="617"/>
      <c r="W45" s="617"/>
      <c r="X45" s="617"/>
      <c r="Y45" s="617"/>
      <c r="Z45" s="617"/>
      <c r="AA45" s="617"/>
      <c r="AB45" s="617"/>
      <c r="AC45" s="617"/>
      <c r="AD45" s="617"/>
      <c r="AE45" s="617"/>
      <c r="AF45" s="125"/>
      <c r="AG45" s="67" t="s">
        <v>118</v>
      </c>
      <c r="AH45" s="125">
        <f>SUM(Q47:T56)</f>
        <v>0</v>
      </c>
    </row>
    <row r="46" spans="1:34" ht="32.65" customHeight="1">
      <c r="A46" s="125"/>
      <c r="B46" s="125"/>
      <c r="C46" s="741" t="s">
        <v>369</v>
      </c>
      <c r="D46" s="620"/>
      <c r="E46" s="620"/>
      <c r="F46" s="621"/>
      <c r="G46" s="622" t="s">
        <v>345</v>
      </c>
      <c r="H46" s="620"/>
      <c r="I46" s="620"/>
      <c r="J46" s="621"/>
      <c r="K46" s="622" t="s">
        <v>346</v>
      </c>
      <c r="L46" s="620"/>
      <c r="M46" s="620"/>
      <c r="N46" s="620"/>
      <c r="O46" s="620"/>
      <c r="P46" s="621"/>
      <c r="Q46" s="749" t="s">
        <v>182</v>
      </c>
      <c r="R46" s="750"/>
      <c r="S46" s="750"/>
      <c r="T46" s="751"/>
      <c r="U46" s="752" t="s">
        <v>53</v>
      </c>
      <c r="V46" s="753"/>
      <c r="W46" s="754"/>
      <c r="X46" s="630" t="s">
        <v>241</v>
      </c>
      <c r="Y46" s="620"/>
      <c r="Z46" s="620"/>
      <c r="AA46" s="621"/>
      <c r="AB46" s="631" t="s">
        <v>179</v>
      </c>
      <c r="AC46" s="620"/>
      <c r="AD46" s="620"/>
      <c r="AE46" s="169" t="s">
        <v>332</v>
      </c>
      <c r="AF46" s="125"/>
      <c r="AG46" s="67" t="s">
        <v>117</v>
      </c>
      <c r="AH46" s="93">
        <v>9350000</v>
      </c>
    </row>
    <row r="47" spans="1:34" ht="32.65" customHeight="1">
      <c r="A47" s="125"/>
      <c r="B47" s="125"/>
      <c r="C47" s="614"/>
      <c r="D47" s="615"/>
      <c r="E47" s="615"/>
      <c r="F47" s="616"/>
      <c r="G47" s="774"/>
      <c r="H47" s="615"/>
      <c r="I47" s="615"/>
      <c r="J47" s="616"/>
      <c r="K47" s="774"/>
      <c r="L47" s="615"/>
      <c r="M47" s="615"/>
      <c r="N47" s="615"/>
      <c r="O47" s="615"/>
      <c r="P47" s="616"/>
      <c r="Q47" s="662"/>
      <c r="R47" s="663"/>
      <c r="S47" s="663"/>
      <c r="T47" s="755"/>
      <c r="U47" s="662"/>
      <c r="V47" s="663"/>
      <c r="W47" s="664"/>
      <c r="X47" s="665"/>
      <c r="Y47" s="666"/>
      <c r="Z47" s="666"/>
      <c r="AA47" s="667"/>
      <c r="AB47" s="629">
        <f>Q47*X47</f>
        <v>0</v>
      </c>
      <c r="AC47" s="629"/>
      <c r="AD47" s="629"/>
      <c r="AE47" s="423"/>
      <c r="AF47" s="125"/>
      <c r="AG47" s="67" t="s">
        <v>116</v>
      </c>
      <c r="AH47" s="67">
        <f>AH46*AH45</f>
        <v>0</v>
      </c>
    </row>
    <row r="48" spans="1:34" ht="32.65" customHeight="1">
      <c r="A48" s="125"/>
      <c r="B48" s="125"/>
      <c r="C48" s="614"/>
      <c r="D48" s="615"/>
      <c r="E48" s="615"/>
      <c r="F48" s="616"/>
      <c r="G48" s="774"/>
      <c r="H48" s="615"/>
      <c r="I48" s="615"/>
      <c r="J48" s="616"/>
      <c r="K48" s="774"/>
      <c r="L48" s="615"/>
      <c r="M48" s="615"/>
      <c r="N48" s="615"/>
      <c r="O48" s="615"/>
      <c r="P48" s="616"/>
      <c r="Q48" s="662"/>
      <c r="R48" s="663"/>
      <c r="S48" s="663"/>
      <c r="T48" s="664"/>
      <c r="U48" s="662"/>
      <c r="V48" s="663"/>
      <c r="W48" s="664"/>
      <c r="X48" s="665"/>
      <c r="Y48" s="666"/>
      <c r="Z48" s="666"/>
      <c r="AA48" s="667"/>
      <c r="AB48" s="629">
        <f t="shared" ref="AB48:AB56" si="0">Q48*X48</f>
        <v>0</v>
      </c>
      <c r="AC48" s="629"/>
      <c r="AD48" s="629"/>
      <c r="AE48" s="423"/>
      <c r="AF48" s="125"/>
    </row>
    <row r="49" spans="1:34" ht="32.65" customHeight="1">
      <c r="A49" s="125"/>
      <c r="B49" s="125"/>
      <c r="C49" s="614"/>
      <c r="D49" s="615"/>
      <c r="E49" s="615"/>
      <c r="F49" s="616"/>
      <c r="G49" s="774"/>
      <c r="H49" s="615"/>
      <c r="I49" s="615"/>
      <c r="J49" s="616"/>
      <c r="K49" s="774"/>
      <c r="L49" s="615"/>
      <c r="M49" s="615"/>
      <c r="N49" s="615"/>
      <c r="O49" s="615"/>
      <c r="P49" s="616"/>
      <c r="Q49" s="662"/>
      <c r="R49" s="663"/>
      <c r="S49" s="663"/>
      <c r="T49" s="664"/>
      <c r="U49" s="662"/>
      <c r="V49" s="663"/>
      <c r="W49" s="664"/>
      <c r="X49" s="665"/>
      <c r="Y49" s="666"/>
      <c r="Z49" s="666"/>
      <c r="AA49" s="667"/>
      <c r="AB49" s="629">
        <f t="shared" si="0"/>
        <v>0</v>
      </c>
      <c r="AC49" s="629"/>
      <c r="AD49" s="629"/>
      <c r="AE49" s="423"/>
      <c r="AF49" s="125"/>
    </row>
    <row r="50" spans="1:34" ht="32.65" customHeight="1">
      <c r="A50" s="125"/>
      <c r="B50" s="125"/>
      <c r="C50" s="614"/>
      <c r="D50" s="615"/>
      <c r="E50" s="615"/>
      <c r="F50" s="616"/>
      <c r="G50" s="774"/>
      <c r="H50" s="615"/>
      <c r="I50" s="615"/>
      <c r="J50" s="616"/>
      <c r="K50" s="774"/>
      <c r="L50" s="615"/>
      <c r="M50" s="615"/>
      <c r="N50" s="615"/>
      <c r="O50" s="615"/>
      <c r="P50" s="616"/>
      <c r="Q50" s="662"/>
      <c r="R50" s="663"/>
      <c r="S50" s="663"/>
      <c r="T50" s="664"/>
      <c r="U50" s="662"/>
      <c r="V50" s="663"/>
      <c r="W50" s="664"/>
      <c r="X50" s="665"/>
      <c r="Y50" s="666"/>
      <c r="Z50" s="666"/>
      <c r="AA50" s="667"/>
      <c r="AB50" s="629">
        <f t="shared" si="0"/>
        <v>0</v>
      </c>
      <c r="AC50" s="629"/>
      <c r="AD50" s="629"/>
      <c r="AE50" s="423"/>
      <c r="AF50" s="125"/>
    </row>
    <row r="51" spans="1:34" ht="32.65" customHeight="1" thickBot="1">
      <c r="A51" s="125"/>
      <c r="B51" s="125"/>
      <c r="C51" s="681"/>
      <c r="D51" s="654"/>
      <c r="E51" s="654"/>
      <c r="F51" s="655"/>
      <c r="G51" s="653"/>
      <c r="H51" s="654"/>
      <c r="I51" s="654"/>
      <c r="J51" s="655"/>
      <c r="K51" s="653"/>
      <c r="L51" s="654"/>
      <c r="M51" s="654"/>
      <c r="N51" s="654"/>
      <c r="O51" s="654"/>
      <c r="P51" s="655"/>
      <c r="Q51" s="674"/>
      <c r="R51" s="675"/>
      <c r="S51" s="675"/>
      <c r="T51" s="676"/>
      <c r="U51" s="674"/>
      <c r="V51" s="675"/>
      <c r="W51" s="676"/>
      <c r="X51" s="678"/>
      <c r="Y51" s="679"/>
      <c r="Z51" s="679"/>
      <c r="AA51" s="680"/>
      <c r="AB51" s="671">
        <f t="shared" si="0"/>
        <v>0</v>
      </c>
      <c r="AC51" s="672"/>
      <c r="AD51" s="673"/>
      <c r="AE51" s="424"/>
      <c r="AF51" s="125"/>
    </row>
    <row r="52" spans="1:34" ht="32.65" hidden="1" customHeight="1" outlineLevel="1">
      <c r="A52" s="125"/>
      <c r="B52" s="125"/>
      <c r="C52" s="778"/>
      <c r="D52" s="776"/>
      <c r="E52" s="776"/>
      <c r="F52" s="777"/>
      <c r="G52" s="775"/>
      <c r="H52" s="776"/>
      <c r="I52" s="776"/>
      <c r="J52" s="777"/>
      <c r="K52" s="775"/>
      <c r="L52" s="776"/>
      <c r="M52" s="776"/>
      <c r="N52" s="776"/>
      <c r="O52" s="776"/>
      <c r="P52" s="777"/>
      <c r="Q52" s="756"/>
      <c r="R52" s="757"/>
      <c r="S52" s="757"/>
      <c r="T52" s="758"/>
      <c r="U52" s="756"/>
      <c r="V52" s="757"/>
      <c r="W52" s="758"/>
      <c r="X52" s="759"/>
      <c r="Y52" s="760"/>
      <c r="Z52" s="760"/>
      <c r="AA52" s="761"/>
      <c r="AB52" s="762">
        <f t="shared" si="0"/>
        <v>0</v>
      </c>
      <c r="AC52" s="762"/>
      <c r="AD52" s="762"/>
      <c r="AE52" s="425"/>
      <c r="AF52" s="125"/>
    </row>
    <row r="53" spans="1:34" ht="32.65" hidden="1" customHeight="1" outlineLevel="1">
      <c r="A53" s="125"/>
      <c r="B53" s="125"/>
      <c r="C53" s="614"/>
      <c r="D53" s="615"/>
      <c r="E53" s="615"/>
      <c r="F53" s="616"/>
      <c r="G53" s="774"/>
      <c r="H53" s="615"/>
      <c r="I53" s="615"/>
      <c r="J53" s="616"/>
      <c r="K53" s="774"/>
      <c r="L53" s="615"/>
      <c r="M53" s="615"/>
      <c r="N53" s="615"/>
      <c r="O53" s="615"/>
      <c r="P53" s="616"/>
      <c r="Q53" s="662"/>
      <c r="R53" s="663"/>
      <c r="S53" s="663"/>
      <c r="T53" s="664"/>
      <c r="U53" s="662"/>
      <c r="V53" s="663"/>
      <c r="W53" s="664"/>
      <c r="X53" s="665"/>
      <c r="Y53" s="666"/>
      <c r="Z53" s="666"/>
      <c r="AA53" s="667"/>
      <c r="AB53" s="629">
        <f t="shared" si="0"/>
        <v>0</v>
      </c>
      <c r="AC53" s="629"/>
      <c r="AD53" s="629"/>
      <c r="AE53" s="423"/>
      <c r="AF53" s="125"/>
    </row>
    <row r="54" spans="1:34" ht="32.65" hidden="1" customHeight="1" outlineLevel="1">
      <c r="A54" s="125"/>
      <c r="B54" s="125"/>
      <c r="C54" s="614"/>
      <c r="D54" s="615"/>
      <c r="E54" s="615"/>
      <c r="F54" s="616"/>
      <c r="G54" s="774"/>
      <c r="H54" s="615"/>
      <c r="I54" s="615"/>
      <c r="J54" s="616"/>
      <c r="K54" s="774"/>
      <c r="L54" s="615"/>
      <c r="M54" s="615"/>
      <c r="N54" s="615"/>
      <c r="O54" s="615"/>
      <c r="P54" s="616"/>
      <c r="Q54" s="662"/>
      <c r="R54" s="663"/>
      <c r="S54" s="663"/>
      <c r="T54" s="664"/>
      <c r="U54" s="662"/>
      <c r="V54" s="663"/>
      <c r="W54" s="664"/>
      <c r="X54" s="665"/>
      <c r="Y54" s="666"/>
      <c r="Z54" s="666"/>
      <c r="AA54" s="667"/>
      <c r="AB54" s="629">
        <f t="shared" si="0"/>
        <v>0</v>
      </c>
      <c r="AC54" s="629"/>
      <c r="AD54" s="629"/>
      <c r="AE54" s="423"/>
      <c r="AF54" s="125"/>
    </row>
    <row r="55" spans="1:34" ht="32.65" hidden="1" customHeight="1" outlineLevel="1">
      <c r="A55" s="125"/>
      <c r="B55" s="125"/>
      <c r="C55" s="614"/>
      <c r="D55" s="615"/>
      <c r="E55" s="615"/>
      <c r="F55" s="616"/>
      <c r="G55" s="774"/>
      <c r="H55" s="615"/>
      <c r="I55" s="615"/>
      <c r="J55" s="616"/>
      <c r="K55" s="774"/>
      <c r="L55" s="615"/>
      <c r="M55" s="615"/>
      <c r="N55" s="615"/>
      <c r="O55" s="615"/>
      <c r="P55" s="616"/>
      <c r="Q55" s="662"/>
      <c r="R55" s="663"/>
      <c r="S55" s="663"/>
      <c r="T55" s="664"/>
      <c r="U55" s="662"/>
      <c r="V55" s="663"/>
      <c r="W55" s="664"/>
      <c r="X55" s="665"/>
      <c r="Y55" s="666"/>
      <c r="Z55" s="666"/>
      <c r="AA55" s="667"/>
      <c r="AB55" s="629">
        <f>Q55*X55</f>
        <v>0</v>
      </c>
      <c r="AC55" s="629"/>
      <c r="AD55" s="629"/>
      <c r="AE55" s="423"/>
      <c r="AF55" s="125"/>
    </row>
    <row r="56" spans="1:34" ht="32.65" hidden="1" customHeight="1" outlineLevel="1" thickBot="1">
      <c r="A56" s="125"/>
      <c r="B56" s="125"/>
      <c r="C56" s="681"/>
      <c r="D56" s="654"/>
      <c r="E56" s="654"/>
      <c r="F56" s="655"/>
      <c r="G56" s="653"/>
      <c r="H56" s="654"/>
      <c r="I56" s="654"/>
      <c r="J56" s="655"/>
      <c r="K56" s="653"/>
      <c r="L56" s="654"/>
      <c r="M56" s="654"/>
      <c r="N56" s="654"/>
      <c r="O56" s="654"/>
      <c r="P56" s="655"/>
      <c r="Q56" s="674"/>
      <c r="R56" s="675"/>
      <c r="S56" s="675"/>
      <c r="T56" s="676"/>
      <c r="U56" s="674"/>
      <c r="V56" s="675"/>
      <c r="W56" s="676"/>
      <c r="X56" s="678"/>
      <c r="Y56" s="679"/>
      <c r="Z56" s="679"/>
      <c r="AA56" s="680"/>
      <c r="AB56" s="671">
        <f t="shared" si="0"/>
        <v>0</v>
      </c>
      <c r="AC56" s="672"/>
      <c r="AD56" s="673"/>
      <c r="AE56" s="424"/>
      <c r="AF56" s="125"/>
    </row>
    <row r="57" spans="1:34" ht="32.65" customHeight="1" collapsed="1" thickBot="1">
      <c r="A57" s="125"/>
      <c r="B57" s="125"/>
      <c r="C57" s="139"/>
      <c r="D57" s="139"/>
      <c r="E57" s="139"/>
      <c r="F57" s="139"/>
      <c r="G57" s="139"/>
      <c r="H57" s="139"/>
      <c r="I57" s="139"/>
      <c r="J57" s="139"/>
      <c r="K57" s="139"/>
      <c r="L57" s="139"/>
      <c r="M57" s="139"/>
      <c r="N57" s="139"/>
      <c r="O57" s="139"/>
      <c r="P57" s="139"/>
      <c r="Q57" s="139"/>
      <c r="R57" s="139"/>
      <c r="S57" s="139"/>
      <c r="T57" s="139"/>
      <c r="U57" s="139"/>
      <c r="V57" s="139"/>
      <c r="W57" s="139"/>
      <c r="X57" s="139"/>
      <c r="Y57" s="139"/>
      <c r="Z57" s="139"/>
      <c r="AA57" s="140" t="s">
        <v>54</v>
      </c>
      <c r="AB57" s="668">
        <f>SUM(AB47:AD56)</f>
        <v>0</v>
      </c>
      <c r="AC57" s="669"/>
      <c r="AD57" s="670"/>
      <c r="AE57" s="125"/>
      <c r="AF57" s="125"/>
      <c r="AG57" s="67" t="s">
        <v>119</v>
      </c>
      <c r="AH57" s="125">
        <f>AB57+AB127-C61</f>
        <v>0</v>
      </c>
    </row>
    <row r="58" spans="1:34" ht="29.25" customHeight="1">
      <c r="A58" s="125"/>
      <c r="B58" s="125"/>
      <c r="C58" s="1095" t="s">
        <v>437</v>
      </c>
      <c r="D58" s="1095"/>
      <c r="E58" s="1095"/>
      <c r="F58" s="1095"/>
      <c r="G58" s="1095"/>
      <c r="H58" s="1095"/>
      <c r="I58" s="1095"/>
      <c r="J58" s="1095"/>
      <c r="K58" s="1095"/>
      <c r="L58" s="1095"/>
      <c r="M58" s="1095"/>
      <c r="N58" s="1095"/>
      <c r="O58" s="1095"/>
      <c r="P58" s="1095"/>
      <c r="Q58" s="1095"/>
      <c r="R58" s="1095"/>
      <c r="S58" s="1095"/>
      <c r="T58" s="1095"/>
      <c r="U58" s="1095"/>
      <c r="V58" s="1095"/>
      <c r="W58" s="1095"/>
      <c r="X58" s="1095"/>
      <c r="Y58" s="1095"/>
      <c r="Z58" s="1095"/>
      <c r="AA58" s="1095"/>
      <c r="AB58" s="1095"/>
      <c r="AC58" s="1095"/>
      <c r="AD58" s="1095"/>
      <c r="AE58" s="1095"/>
      <c r="AF58" s="125"/>
      <c r="AH58" s="125"/>
    </row>
    <row r="59" spans="1:34" ht="15" customHeight="1">
      <c r="A59" s="125"/>
      <c r="B59" s="125"/>
      <c r="C59" s="135" t="s">
        <v>186</v>
      </c>
      <c r="D59" s="124"/>
      <c r="E59" s="124"/>
      <c r="F59" s="124"/>
      <c r="G59" s="124"/>
      <c r="H59" s="124"/>
      <c r="I59" s="124"/>
      <c r="J59" s="124"/>
      <c r="K59" s="139"/>
      <c r="L59" s="139"/>
      <c r="M59" s="139"/>
      <c r="N59" s="139"/>
      <c r="O59" s="139"/>
      <c r="P59" s="139"/>
      <c r="Q59" s="139"/>
      <c r="R59" s="139"/>
      <c r="S59" s="139"/>
      <c r="T59" s="139"/>
      <c r="U59" s="139"/>
      <c r="V59" s="139"/>
      <c r="W59" s="139"/>
      <c r="X59" s="139"/>
      <c r="Y59" s="139"/>
      <c r="Z59" s="139"/>
      <c r="AA59" s="140"/>
      <c r="AB59" s="215"/>
      <c r="AC59" s="215"/>
      <c r="AD59" s="215"/>
      <c r="AE59" s="125"/>
      <c r="AF59" s="125"/>
    </row>
    <row r="60" spans="1:34" ht="24" customHeight="1" thickBot="1">
      <c r="A60" s="125"/>
      <c r="B60" s="125"/>
      <c r="C60" s="729" t="s">
        <v>165</v>
      </c>
      <c r="D60" s="729"/>
      <c r="E60" s="729"/>
      <c r="F60" s="729"/>
      <c r="G60" s="729"/>
      <c r="H60" s="124"/>
      <c r="I60" s="124"/>
      <c r="J60" s="124"/>
      <c r="K60" s="139"/>
      <c r="L60" s="139"/>
      <c r="M60" s="139"/>
      <c r="N60" s="139"/>
      <c r="O60" s="139"/>
      <c r="P60" s="139"/>
      <c r="Q60" s="139"/>
      <c r="R60" s="139"/>
      <c r="S60" s="139"/>
      <c r="T60" s="139"/>
      <c r="U60" s="139"/>
      <c r="V60" s="139"/>
      <c r="W60" s="139"/>
      <c r="X60" s="139"/>
      <c r="Y60" s="139"/>
      <c r="Z60" s="139"/>
      <c r="AA60" s="140"/>
      <c r="AB60" s="215"/>
      <c r="AC60" s="215"/>
      <c r="AD60" s="215"/>
      <c r="AE60" s="125"/>
      <c r="AF60" s="125"/>
    </row>
    <row r="61" spans="1:34" ht="32.65" customHeight="1" thickBot="1">
      <c r="A61" s="125"/>
      <c r="B61" s="125"/>
      <c r="C61" s="730"/>
      <c r="D61" s="731"/>
      <c r="E61" s="731"/>
      <c r="F61" s="731"/>
      <c r="G61" s="732"/>
      <c r="H61" s="213" t="s">
        <v>166</v>
      </c>
      <c r="I61" s="139"/>
      <c r="J61" s="139"/>
      <c r="K61" s="139"/>
      <c r="L61" s="139"/>
      <c r="M61" s="139"/>
      <c r="N61" s="139"/>
      <c r="O61" s="139"/>
      <c r="P61" s="139"/>
      <c r="Q61" s="139"/>
      <c r="R61" s="139"/>
      <c r="S61" s="139"/>
      <c r="T61" s="139"/>
      <c r="U61" s="139"/>
      <c r="V61" s="139"/>
      <c r="W61" s="139"/>
      <c r="X61" s="139"/>
      <c r="Y61" s="139"/>
      <c r="Z61" s="139"/>
      <c r="AA61" s="140"/>
      <c r="AB61" s="215"/>
      <c r="AC61" s="215"/>
      <c r="AD61" s="215"/>
      <c r="AE61" s="125"/>
      <c r="AF61" s="125"/>
      <c r="AG61" s="434" t="s">
        <v>428</v>
      </c>
    </row>
    <row r="62" spans="1:34" ht="15" customHeight="1">
      <c r="A62" s="125"/>
      <c r="B62" s="125"/>
      <c r="C62" s="139"/>
      <c r="D62" s="139"/>
      <c r="E62" s="139"/>
      <c r="F62" s="139"/>
      <c r="G62" s="139"/>
      <c r="H62" s="139"/>
      <c r="I62" s="139"/>
      <c r="J62" s="139"/>
      <c r="K62" s="139"/>
      <c r="L62" s="139"/>
      <c r="M62" s="139"/>
      <c r="N62" s="139"/>
      <c r="O62" s="139"/>
      <c r="P62" s="139"/>
      <c r="Q62" s="139"/>
      <c r="R62" s="139"/>
      <c r="S62" s="139"/>
      <c r="T62" s="139"/>
      <c r="U62" s="139"/>
      <c r="V62" s="139"/>
      <c r="W62" s="139"/>
      <c r="X62" s="139"/>
      <c r="Y62" s="139"/>
      <c r="Z62" s="139"/>
      <c r="AA62" s="140"/>
      <c r="AB62" s="215"/>
      <c r="AC62" s="215"/>
      <c r="AD62" s="215"/>
      <c r="AE62" s="125"/>
      <c r="AF62" s="125"/>
    </row>
    <row r="63" spans="1:34" ht="39.75" customHeight="1" thickBot="1">
      <c r="A63" s="125"/>
      <c r="B63" s="125"/>
      <c r="C63" s="617" t="s">
        <v>419</v>
      </c>
      <c r="D63" s="617"/>
      <c r="E63" s="617"/>
      <c r="F63" s="617"/>
      <c r="G63" s="617"/>
      <c r="H63" s="617"/>
      <c r="I63" s="617"/>
      <c r="J63" s="617"/>
      <c r="K63" s="617"/>
      <c r="L63" s="617"/>
      <c r="M63" s="617"/>
      <c r="N63" s="617"/>
      <c r="O63" s="617"/>
      <c r="P63" s="617"/>
      <c r="Q63" s="617"/>
      <c r="R63" s="617"/>
      <c r="S63" s="617"/>
      <c r="T63" s="617"/>
      <c r="U63" s="617"/>
      <c r="V63" s="617"/>
      <c r="W63" s="617"/>
      <c r="X63" s="617"/>
      <c r="Y63" s="617"/>
      <c r="Z63" s="617"/>
      <c r="AA63" s="617"/>
      <c r="AB63" s="617"/>
      <c r="AC63" s="617"/>
      <c r="AD63" s="617"/>
      <c r="AE63" s="617"/>
      <c r="AF63" s="125"/>
    </row>
    <row r="64" spans="1:34" ht="32.65" customHeight="1">
      <c r="A64" s="125"/>
      <c r="B64" s="125"/>
      <c r="C64" s="640" t="s">
        <v>21</v>
      </c>
      <c r="D64" s="633"/>
      <c r="E64" s="633"/>
      <c r="F64" s="633"/>
      <c r="G64" s="633" t="s">
        <v>55</v>
      </c>
      <c r="H64" s="633"/>
      <c r="I64" s="633"/>
      <c r="J64" s="633"/>
      <c r="K64" s="633"/>
      <c r="L64" s="633"/>
      <c r="M64" s="633"/>
      <c r="N64" s="633"/>
      <c r="O64" s="633"/>
      <c r="P64" s="633"/>
      <c r="Q64" s="633"/>
      <c r="R64" s="633"/>
      <c r="S64" s="633"/>
      <c r="T64" s="633"/>
      <c r="U64" s="633"/>
      <c r="V64" s="633"/>
      <c r="W64" s="633"/>
      <c r="X64" s="633"/>
      <c r="Y64" s="633"/>
      <c r="Z64" s="633"/>
      <c r="AA64" s="633"/>
      <c r="AB64" s="633"/>
      <c r="AC64" s="633"/>
      <c r="AD64" s="633"/>
      <c r="AE64" s="634"/>
      <c r="AF64" s="125"/>
    </row>
    <row r="65" spans="1:32" ht="32.65" customHeight="1">
      <c r="A65" s="125"/>
      <c r="B65" s="125"/>
      <c r="C65" s="641"/>
      <c r="D65" s="642"/>
      <c r="E65" s="642"/>
      <c r="F65" s="642"/>
      <c r="G65" s="332">
        <v>1</v>
      </c>
      <c r="H65" s="635" t="s">
        <v>415</v>
      </c>
      <c r="I65" s="635"/>
      <c r="J65" s="635"/>
      <c r="K65" s="635"/>
      <c r="L65" s="635"/>
      <c r="M65" s="635"/>
      <c r="N65" s="635"/>
      <c r="O65" s="635"/>
      <c r="P65" s="635"/>
      <c r="Q65" s="635"/>
      <c r="R65" s="635"/>
      <c r="S65" s="635"/>
      <c r="T65" s="635"/>
      <c r="U65" s="635"/>
      <c r="V65" s="635"/>
      <c r="W65" s="635"/>
      <c r="X65" s="635"/>
      <c r="Y65" s="635"/>
      <c r="Z65" s="635"/>
      <c r="AA65" s="635"/>
      <c r="AB65" s="635"/>
      <c r="AC65" s="635"/>
      <c r="AD65" s="635"/>
      <c r="AE65" s="636"/>
      <c r="AF65" s="125"/>
    </row>
    <row r="66" spans="1:32" ht="32.65" customHeight="1">
      <c r="A66" s="125"/>
      <c r="B66" s="125"/>
      <c r="C66" s="641"/>
      <c r="D66" s="642"/>
      <c r="E66" s="642"/>
      <c r="F66" s="642"/>
      <c r="G66" s="397">
        <v>2</v>
      </c>
      <c r="H66" s="635" t="s">
        <v>412</v>
      </c>
      <c r="I66" s="635"/>
      <c r="J66" s="635"/>
      <c r="K66" s="635"/>
      <c r="L66" s="635"/>
      <c r="M66" s="635"/>
      <c r="N66" s="635"/>
      <c r="O66" s="635"/>
      <c r="P66" s="635"/>
      <c r="Q66" s="635"/>
      <c r="R66" s="635"/>
      <c r="S66" s="635"/>
      <c r="T66" s="635"/>
      <c r="U66" s="635"/>
      <c r="V66" s="635"/>
      <c r="W66" s="635"/>
      <c r="X66" s="635"/>
      <c r="Y66" s="635"/>
      <c r="Z66" s="635"/>
      <c r="AA66" s="635"/>
      <c r="AB66" s="635"/>
      <c r="AC66" s="635"/>
      <c r="AD66" s="635"/>
      <c r="AE66" s="636"/>
      <c r="AF66" s="125"/>
    </row>
    <row r="67" spans="1:32" ht="32.65" customHeight="1" thickBot="1">
      <c r="A67" s="125"/>
      <c r="B67" s="125"/>
      <c r="C67" s="766"/>
      <c r="D67" s="767"/>
      <c r="E67" s="767"/>
      <c r="F67" s="767"/>
      <c r="G67" s="333">
        <v>3</v>
      </c>
      <c r="H67" s="768" t="s">
        <v>347</v>
      </c>
      <c r="I67" s="768"/>
      <c r="J67" s="768"/>
      <c r="K67" s="768"/>
      <c r="L67" s="768"/>
      <c r="M67" s="768"/>
      <c r="N67" s="768"/>
      <c r="O67" s="768"/>
      <c r="P67" s="768"/>
      <c r="Q67" s="768"/>
      <c r="R67" s="768"/>
      <c r="S67" s="768"/>
      <c r="T67" s="768"/>
      <c r="U67" s="768"/>
      <c r="V67" s="768"/>
      <c r="W67" s="768"/>
      <c r="X67" s="768"/>
      <c r="Y67" s="768"/>
      <c r="Z67" s="768"/>
      <c r="AA67" s="768"/>
      <c r="AB67" s="768"/>
      <c r="AC67" s="768"/>
      <c r="AD67" s="768"/>
      <c r="AE67" s="769"/>
      <c r="AF67" s="125"/>
    </row>
    <row r="68" spans="1:32" ht="37.5" customHeight="1">
      <c r="A68" s="125"/>
      <c r="B68" s="125"/>
      <c r="C68" s="718" t="s">
        <v>440</v>
      </c>
      <c r="D68" s="718"/>
      <c r="E68" s="718"/>
      <c r="F68" s="718"/>
      <c r="G68" s="718"/>
      <c r="H68" s="718"/>
      <c r="I68" s="718"/>
      <c r="J68" s="718"/>
      <c r="K68" s="718"/>
      <c r="L68" s="718"/>
      <c r="M68" s="718"/>
      <c r="N68" s="718"/>
      <c r="O68" s="718"/>
      <c r="P68" s="718"/>
      <c r="Q68" s="718"/>
      <c r="R68" s="718"/>
      <c r="S68" s="718"/>
      <c r="T68" s="718"/>
      <c r="U68" s="718"/>
      <c r="V68" s="718"/>
      <c r="W68" s="718"/>
      <c r="X68" s="718"/>
      <c r="Y68" s="718"/>
      <c r="Z68" s="718"/>
      <c r="AA68" s="718"/>
      <c r="AB68" s="718"/>
      <c r="AC68" s="718"/>
      <c r="AD68" s="718"/>
      <c r="AE68" s="718"/>
      <c r="AF68" s="125"/>
    </row>
    <row r="69" spans="1:32" ht="25.5" customHeight="1">
      <c r="A69" s="125"/>
      <c r="B69" s="125"/>
      <c r="C69" s="724" t="s">
        <v>439</v>
      </c>
      <c r="D69" s="724"/>
      <c r="E69" s="724"/>
      <c r="F69" s="724"/>
      <c r="G69" s="724"/>
      <c r="H69" s="724"/>
      <c r="I69" s="724"/>
      <c r="J69" s="724"/>
      <c r="K69" s="724"/>
      <c r="L69" s="724"/>
      <c r="M69" s="724"/>
      <c r="N69" s="724"/>
      <c r="O69" s="724"/>
      <c r="P69" s="724"/>
      <c r="Q69" s="724"/>
      <c r="R69" s="724"/>
      <c r="S69" s="724"/>
      <c r="T69" s="724"/>
      <c r="U69" s="724"/>
      <c r="V69" s="724"/>
      <c r="W69" s="724"/>
      <c r="X69" s="724"/>
      <c r="Y69" s="724"/>
      <c r="Z69" s="724"/>
      <c r="AA69" s="724"/>
      <c r="AB69" s="724"/>
      <c r="AC69" s="724"/>
      <c r="AD69" s="724"/>
      <c r="AE69" s="724"/>
      <c r="AF69" s="125"/>
    </row>
    <row r="70" spans="1:32" ht="15" customHeight="1">
      <c r="A70" s="125"/>
      <c r="B70" s="125"/>
      <c r="C70" s="136"/>
      <c r="D70" s="125"/>
      <c r="E70" s="125"/>
      <c r="F70" s="125"/>
      <c r="G70" s="125"/>
      <c r="H70" s="125"/>
      <c r="I70" s="125"/>
      <c r="J70" s="125"/>
      <c r="K70" s="125"/>
      <c r="L70" s="125"/>
      <c r="M70" s="125"/>
      <c r="N70" s="125"/>
      <c r="O70" s="125"/>
      <c r="P70" s="125"/>
      <c r="Q70" s="125"/>
      <c r="R70" s="125"/>
      <c r="S70" s="125"/>
      <c r="T70" s="125"/>
      <c r="U70" s="125"/>
      <c r="V70" s="125"/>
      <c r="W70" s="125"/>
      <c r="X70" s="125"/>
      <c r="Y70" s="125"/>
      <c r="Z70" s="125"/>
      <c r="AA70" s="125"/>
      <c r="AB70" s="125"/>
      <c r="AC70" s="125"/>
      <c r="AD70" s="125"/>
      <c r="AE70" s="125"/>
      <c r="AF70" s="125"/>
    </row>
    <row r="71" spans="1:32" ht="32.65" customHeight="1" thickBot="1">
      <c r="A71" s="125"/>
      <c r="B71" s="125"/>
      <c r="C71" s="380" t="s">
        <v>348</v>
      </c>
      <c r="D71" s="380"/>
      <c r="E71" s="380"/>
      <c r="F71" s="380"/>
      <c r="G71" s="380"/>
      <c r="H71" s="380"/>
      <c r="I71" s="380"/>
      <c r="J71" s="380"/>
      <c r="K71" s="380"/>
      <c r="L71" s="380"/>
      <c r="M71" s="380"/>
      <c r="N71" s="380"/>
      <c r="O71" s="380"/>
      <c r="P71" s="380"/>
      <c r="Q71" s="380"/>
      <c r="R71" s="380"/>
      <c r="S71" s="380"/>
      <c r="T71" s="380"/>
      <c r="U71" s="380"/>
      <c r="V71" s="380"/>
      <c r="W71" s="380"/>
      <c r="X71" s="380"/>
      <c r="Y71" s="380"/>
      <c r="Z71" s="380"/>
      <c r="AA71" s="380"/>
      <c r="AB71" s="380"/>
      <c r="AC71" s="380"/>
      <c r="AD71" s="380"/>
      <c r="AE71" s="380"/>
      <c r="AF71" s="125"/>
    </row>
    <row r="72" spans="1:32" ht="32.65" customHeight="1">
      <c r="A72" s="125"/>
      <c r="B72" s="125"/>
      <c r="C72" s="640" t="s">
        <v>224</v>
      </c>
      <c r="D72" s="633"/>
      <c r="E72" s="633"/>
      <c r="F72" s="633"/>
      <c r="G72" s="633" t="s">
        <v>225</v>
      </c>
      <c r="H72" s="633"/>
      <c r="I72" s="633"/>
      <c r="J72" s="633"/>
      <c r="K72" s="633"/>
      <c r="L72" s="633"/>
      <c r="M72" s="633"/>
      <c r="N72" s="633"/>
      <c r="O72" s="633"/>
      <c r="P72" s="633"/>
      <c r="Q72" s="633"/>
      <c r="R72" s="633"/>
      <c r="S72" s="633"/>
      <c r="T72" s="633"/>
      <c r="U72" s="633"/>
      <c r="V72" s="633"/>
      <c r="W72" s="633"/>
      <c r="X72" s="633"/>
      <c r="Y72" s="633"/>
      <c r="Z72" s="633"/>
      <c r="AA72" s="633"/>
      <c r="AB72" s="633"/>
      <c r="AC72" s="633"/>
      <c r="AD72" s="633"/>
      <c r="AE72" s="634"/>
      <c r="AF72" s="125"/>
    </row>
    <row r="73" spans="1:32" ht="32.65" customHeight="1">
      <c r="A73" s="125"/>
      <c r="B73" s="125"/>
      <c r="C73" s="646"/>
      <c r="D73" s="647"/>
      <c r="E73" s="647"/>
      <c r="F73" s="647"/>
      <c r="G73" s="332">
        <v>1</v>
      </c>
      <c r="H73" s="635" t="s">
        <v>56</v>
      </c>
      <c r="I73" s="635"/>
      <c r="J73" s="635"/>
      <c r="K73" s="635"/>
      <c r="L73" s="635"/>
      <c r="M73" s="635"/>
      <c r="N73" s="635"/>
      <c r="O73" s="635"/>
      <c r="P73" s="635"/>
      <c r="Q73" s="635"/>
      <c r="R73" s="635"/>
      <c r="S73" s="635"/>
      <c r="T73" s="635"/>
      <c r="U73" s="635"/>
      <c r="V73" s="635"/>
      <c r="W73" s="635"/>
      <c r="X73" s="635"/>
      <c r="Y73" s="635"/>
      <c r="Z73" s="635"/>
      <c r="AA73" s="635"/>
      <c r="AB73" s="635"/>
      <c r="AC73" s="635"/>
      <c r="AD73" s="635"/>
      <c r="AE73" s="636"/>
      <c r="AF73" s="125"/>
    </row>
    <row r="74" spans="1:32" ht="32.65" customHeight="1" thickBot="1">
      <c r="A74" s="125"/>
      <c r="B74" s="125"/>
      <c r="C74" s="648"/>
      <c r="D74" s="649"/>
      <c r="E74" s="649"/>
      <c r="F74" s="649"/>
      <c r="G74" s="333">
        <v>2</v>
      </c>
      <c r="H74" s="770" t="s">
        <v>57</v>
      </c>
      <c r="I74" s="770"/>
      <c r="J74" s="770"/>
      <c r="K74" s="770"/>
      <c r="L74" s="770"/>
      <c r="M74" s="770"/>
      <c r="N74" s="770"/>
      <c r="O74" s="770"/>
      <c r="P74" s="770"/>
      <c r="Q74" s="770"/>
      <c r="R74" s="770"/>
      <c r="S74" s="770"/>
      <c r="T74" s="770"/>
      <c r="U74" s="770"/>
      <c r="V74" s="770"/>
      <c r="W74" s="770"/>
      <c r="X74" s="770"/>
      <c r="Y74" s="770"/>
      <c r="Z74" s="770"/>
      <c r="AA74" s="770"/>
      <c r="AB74" s="770"/>
      <c r="AC74" s="770"/>
      <c r="AD74" s="770"/>
      <c r="AE74" s="771"/>
      <c r="AF74" s="125"/>
    </row>
    <row r="75" spans="1:32" ht="20.25" customHeight="1">
      <c r="A75" s="125"/>
      <c r="B75" s="125"/>
      <c r="C75" s="677" t="s">
        <v>265</v>
      </c>
      <c r="D75" s="677"/>
      <c r="E75" s="677"/>
      <c r="F75" s="677"/>
      <c r="G75" s="677"/>
      <c r="H75" s="677"/>
      <c r="I75" s="677"/>
      <c r="J75" s="677"/>
      <c r="K75" s="677"/>
      <c r="L75" s="677"/>
      <c r="M75" s="677"/>
      <c r="N75" s="677"/>
      <c r="O75" s="677"/>
      <c r="P75" s="677"/>
      <c r="Q75" s="677"/>
      <c r="R75" s="677"/>
      <c r="S75" s="677"/>
      <c r="T75" s="677"/>
      <c r="U75" s="677"/>
      <c r="V75" s="677"/>
      <c r="W75" s="677"/>
      <c r="X75" s="677"/>
      <c r="Y75" s="677"/>
      <c r="Z75" s="677"/>
      <c r="AA75" s="677"/>
      <c r="AB75" s="677"/>
      <c r="AC75" s="677"/>
      <c r="AD75" s="677"/>
      <c r="AE75" s="125"/>
      <c r="AF75" s="125"/>
    </row>
    <row r="76" spans="1:32" ht="22.5" customHeight="1">
      <c r="A76" s="125"/>
      <c r="B76" s="125"/>
      <c r="C76" s="677" t="s">
        <v>223</v>
      </c>
      <c r="D76" s="677"/>
      <c r="E76" s="677"/>
      <c r="F76" s="677"/>
      <c r="G76" s="677"/>
      <c r="H76" s="677"/>
      <c r="I76" s="677"/>
      <c r="J76" s="677"/>
      <c r="K76" s="677"/>
      <c r="L76" s="677"/>
      <c r="M76" s="677"/>
      <c r="N76" s="677"/>
      <c r="O76" s="677"/>
      <c r="P76" s="677"/>
      <c r="Q76" s="677"/>
      <c r="R76" s="677"/>
      <c r="S76" s="677"/>
      <c r="T76" s="677"/>
      <c r="U76" s="677"/>
      <c r="V76" s="677"/>
      <c r="W76" s="677"/>
      <c r="X76" s="677"/>
      <c r="Y76" s="677"/>
      <c r="Z76" s="677"/>
      <c r="AA76" s="677"/>
      <c r="AB76" s="677"/>
      <c r="AC76" s="677"/>
      <c r="AD76" s="677"/>
      <c r="AE76" s="125"/>
      <c r="AF76" s="125"/>
    </row>
    <row r="77" spans="1:32" ht="15" customHeight="1">
      <c r="A77" s="125"/>
      <c r="B77" s="125"/>
      <c r="C77" s="212"/>
      <c r="D77" s="212"/>
      <c r="E77" s="212"/>
      <c r="F77" s="212"/>
      <c r="G77" s="212"/>
      <c r="H77" s="212"/>
      <c r="I77" s="212"/>
      <c r="J77" s="212"/>
      <c r="K77" s="212"/>
      <c r="L77" s="212"/>
      <c r="M77" s="212"/>
      <c r="N77" s="212"/>
      <c r="O77" s="212"/>
      <c r="P77" s="212"/>
      <c r="Q77" s="212"/>
      <c r="R77" s="212"/>
      <c r="S77" s="212"/>
      <c r="T77" s="212"/>
      <c r="U77" s="212"/>
      <c r="V77" s="212"/>
      <c r="W77" s="212"/>
      <c r="X77" s="212"/>
      <c r="Y77" s="212"/>
      <c r="Z77" s="212"/>
      <c r="AA77" s="212"/>
      <c r="AB77" s="212"/>
      <c r="AC77" s="212"/>
      <c r="AD77" s="212"/>
      <c r="AE77" s="125"/>
      <c r="AF77" s="125"/>
    </row>
    <row r="78" spans="1:32" ht="32.65" customHeight="1" thickBot="1">
      <c r="A78" s="125"/>
      <c r="B78" s="125"/>
      <c r="C78" s="381" t="s">
        <v>406</v>
      </c>
      <c r="D78" s="381"/>
      <c r="E78" s="381"/>
      <c r="F78" s="381"/>
      <c r="G78" s="381"/>
      <c r="H78" s="381"/>
      <c r="I78" s="381"/>
      <c r="J78" s="381"/>
      <c r="K78" s="381"/>
      <c r="L78" s="381"/>
      <c r="M78" s="381"/>
      <c r="N78" s="381"/>
      <c r="O78" s="381"/>
      <c r="P78" s="381"/>
      <c r="Q78" s="381"/>
      <c r="R78" s="381"/>
      <c r="S78" s="381"/>
      <c r="T78" s="381"/>
      <c r="U78" s="381"/>
      <c r="V78" s="381"/>
      <c r="W78" s="381"/>
      <c r="X78" s="381"/>
      <c r="Y78" s="381"/>
      <c r="Z78" s="381"/>
      <c r="AA78" s="381"/>
      <c r="AB78" s="381"/>
      <c r="AC78" s="381"/>
      <c r="AD78" s="381"/>
      <c r="AE78" s="125"/>
      <c r="AF78" s="125"/>
    </row>
    <row r="79" spans="1:32" ht="32.65" customHeight="1">
      <c r="A79" s="125"/>
      <c r="B79" s="125"/>
      <c r="C79" s="619" t="s">
        <v>349</v>
      </c>
      <c r="D79" s="620"/>
      <c r="E79" s="620"/>
      <c r="F79" s="620"/>
      <c r="G79" s="620"/>
      <c r="H79" s="621"/>
      <c r="I79" s="622" t="s">
        <v>345</v>
      </c>
      <c r="J79" s="620"/>
      <c r="K79" s="620"/>
      <c r="L79" s="620"/>
      <c r="M79" s="620"/>
      <c r="N79" s="620"/>
      <c r="O79" s="620"/>
      <c r="P79" s="621"/>
      <c r="Q79" s="630" t="s">
        <v>346</v>
      </c>
      <c r="R79" s="631"/>
      <c r="S79" s="631"/>
      <c r="T79" s="631"/>
      <c r="U79" s="631"/>
      <c r="V79" s="631"/>
      <c r="W79" s="631"/>
      <c r="X79" s="632"/>
      <c r="Y79" s="630" t="s">
        <v>351</v>
      </c>
      <c r="Z79" s="631"/>
      <c r="AA79" s="632"/>
      <c r="AB79" s="622" t="s">
        <v>350</v>
      </c>
      <c r="AC79" s="620"/>
      <c r="AD79" s="621"/>
      <c r="AE79" s="169" t="s">
        <v>332</v>
      </c>
      <c r="AF79" s="125"/>
    </row>
    <row r="80" spans="1:32" ht="32.65" customHeight="1">
      <c r="A80" s="125"/>
      <c r="B80" s="125"/>
      <c r="C80" s="614"/>
      <c r="D80" s="615"/>
      <c r="E80" s="615"/>
      <c r="F80" s="615"/>
      <c r="G80" s="615"/>
      <c r="H80" s="616"/>
      <c r="I80" s="774"/>
      <c r="J80" s="615"/>
      <c r="K80" s="615"/>
      <c r="L80" s="615"/>
      <c r="M80" s="615"/>
      <c r="N80" s="615"/>
      <c r="O80" s="615"/>
      <c r="P80" s="616"/>
      <c r="Q80" s="643"/>
      <c r="R80" s="644"/>
      <c r="S80" s="644"/>
      <c r="T80" s="644"/>
      <c r="U80" s="644"/>
      <c r="V80" s="644"/>
      <c r="W80" s="644"/>
      <c r="X80" s="645"/>
      <c r="Y80" s="623"/>
      <c r="Z80" s="624"/>
      <c r="AA80" s="625"/>
      <c r="AB80" s="650"/>
      <c r="AC80" s="651"/>
      <c r="AD80" s="652"/>
      <c r="AE80" s="423"/>
      <c r="AF80" s="125"/>
    </row>
    <row r="81" spans="1:32" ht="32.65" customHeight="1">
      <c r="A81" s="125"/>
      <c r="B81" s="125"/>
      <c r="C81" s="614"/>
      <c r="D81" s="615"/>
      <c r="E81" s="615"/>
      <c r="F81" s="615"/>
      <c r="G81" s="615"/>
      <c r="H81" s="616"/>
      <c r="I81" s="774"/>
      <c r="J81" s="615"/>
      <c r="K81" s="615"/>
      <c r="L81" s="615"/>
      <c r="M81" s="615"/>
      <c r="N81" s="615"/>
      <c r="O81" s="615"/>
      <c r="P81" s="616"/>
      <c r="Q81" s="643"/>
      <c r="R81" s="644"/>
      <c r="S81" s="644"/>
      <c r="T81" s="644"/>
      <c r="U81" s="644"/>
      <c r="V81" s="644"/>
      <c r="W81" s="644"/>
      <c r="X81" s="645"/>
      <c r="Y81" s="623"/>
      <c r="Z81" s="624"/>
      <c r="AA81" s="625"/>
      <c r="AB81" s="650"/>
      <c r="AC81" s="651"/>
      <c r="AD81" s="652"/>
      <c r="AE81" s="423"/>
      <c r="AF81" s="125"/>
    </row>
    <row r="82" spans="1:32" ht="32.65" customHeight="1">
      <c r="A82" s="125"/>
      <c r="B82" s="125"/>
      <c r="C82" s="614"/>
      <c r="D82" s="615"/>
      <c r="E82" s="615"/>
      <c r="F82" s="615"/>
      <c r="G82" s="615"/>
      <c r="H82" s="616"/>
      <c r="I82" s="774"/>
      <c r="J82" s="615"/>
      <c r="K82" s="615"/>
      <c r="L82" s="615"/>
      <c r="M82" s="615"/>
      <c r="N82" s="615"/>
      <c r="O82" s="615"/>
      <c r="P82" s="616"/>
      <c r="Q82" s="643"/>
      <c r="R82" s="644"/>
      <c r="S82" s="644"/>
      <c r="T82" s="644"/>
      <c r="U82" s="644"/>
      <c r="V82" s="644"/>
      <c r="W82" s="644"/>
      <c r="X82" s="645"/>
      <c r="Y82" s="623"/>
      <c r="Z82" s="624"/>
      <c r="AA82" s="625"/>
      <c r="AB82" s="650"/>
      <c r="AC82" s="651"/>
      <c r="AD82" s="652"/>
      <c r="AE82" s="423"/>
      <c r="AF82" s="125"/>
    </row>
    <row r="83" spans="1:32" ht="32.65" customHeight="1">
      <c r="A83" s="125"/>
      <c r="B83" s="125"/>
      <c r="C83" s="614"/>
      <c r="D83" s="615"/>
      <c r="E83" s="615"/>
      <c r="F83" s="615"/>
      <c r="G83" s="615"/>
      <c r="H83" s="616"/>
      <c r="I83" s="774"/>
      <c r="J83" s="615"/>
      <c r="K83" s="615"/>
      <c r="L83" s="615"/>
      <c r="M83" s="615"/>
      <c r="N83" s="615"/>
      <c r="O83" s="615"/>
      <c r="P83" s="616"/>
      <c r="Q83" s="643"/>
      <c r="R83" s="644"/>
      <c r="S83" s="644"/>
      <c r="T83" s="644"/>
      <c r="U83" s="644"/>
      <c r="V83" s="644"/>
      <c r="W83" s="644"/>
      <c r="X83" s="645"/>
      <c r="Y83" s="623"/>
      <c r="Z83" s="624"/>
      <c r="AA83" s="625"/>
      <c r="AB83" s="650"/>
      <c r="AC83" s="651"/>
      <c r="AD83" s="652"/>
      <c r="AE83" s="423"/>
      <c r="AF83" s="125"/>
    </row>
    <row r="84" spans="1:32" ht="32.65" customHeight="1" thickBot="1">
      <c r="A84" s="125"/>
      <c r="B84" s="125"/>
      <c r="C84" s="681"/>
      <c r="D84" s="654"/>
      <c r="E84" s="654"/>
      <c r="F84" s="654"/>
      <c r="G84" s="654"/>
      <c r="H84" s="655"/>
      <c r="I84" s="653"/>
      <c r="J84" s="654"/>
      <c r="K84" s="654"/>
      <c r="L84" s="654"/>
      <c r="M84" s="654"/>
      <c r="N84" s="654"/>
      <c r="O84" s="654"/>
      <c r="P84" s="655"/>
      <c r="Q84" s="733"/>
      <c r="R84" s="734"/>
      <c r="S84" s="734"/>
      <c r="T84" s="734"/>
      <c r="U84" s="734"/>
      <c r="V84" s="734"/>
      <c r="W84" s="734"/>
      <c r="X84" s="735"/>
      <c r="Y84" s="626"/>
      <c r="Z84" s="627"/>
      <c r="AA84" s="628"/>
      <c r="AB84" s="656"/>
      <c r="AC84" s="657"/>
      <c r="AD84" s="658"/>
      <c r="AE84" s="424"/>
      <c r="AF84" s="125"/>
    </row>
    <row r="85" spans="1:32" ht="32.65" hidden="1" customHeight="1" outlineLevel="1">
      <c r="A85" s="125"/>
      <c r="B85" s="125"/>
      <c r="C85" s="778"/>
      <c r="D85" s="776"/>
      <c r="E85" s="776"/>
      <c r="F85" s="776"/>
      <c r="G85" s="776"/>
      <c r="H85" s="777"/>
      <c r="I85" s="775"/>
      <c r="J85" s="776"/>
      <c r="K85" s="776"/>
      <c r="L85" s="776"/>
      <c r="M85" s="776"/>
      <c r="N85" s="776"/>
      <c r="O85" s="776"/>
      <c r="P85" s="777"/>
      <c r="Q85" s="763"/>
      <c r="R85" s="764"/>
      <c r="S85" s="764"/>
      <c r="T85" s="764"/>
      <c r="U85" s="764"/>
      <c r="V85" s="764"/>
      <c r="W85" s="764"/>
      <c r="X85" s="765"/>
      <c r="Y85" s="659"/>
      <c r="Z85" s="660"/>
      <c r="AA85" s="661"/>
      <c r="AB85" s="659"/>
      <c r="AC85" s="660"/>
      <c r="AD85" s="661"/>
      <c r="AE85" s="425"/>
      <c r="AF85" s="125"/>
    </row>
    <row r="86" spans="1:32" ht="32.65" hidden="1" customHeight="1" outlineLevel="1">
      <c r="A86" s="125"/>
      <c r="B86" s="125"/>
      <c r="C86" s="614"/>
      <c r="D86" s="615"/>
      <c r="E86" s="615"/>
      <c r="F86" s="615"/>
      <c r="G86" s="615"/>
      <c r="H86" s="616"/>
      <c r="I86" s="774"/>
      <c r="J86" s="615"/>
      <c r="K86" s="615"/>
      <c r="L86" s="615"/>
      <c r="M86" s="615"/>
      <c r="N86" s="615"/>
      <c r="O86" s="615"/>
      <c r="P86" s="616"/>
      <c r="Q86" s="643"/>
      <c r="R86" s="644"/>
      <c r="S86" s="644"/>
      <c r="T86" s="644"/>
      <c r="U86" s="644"/>
      <c r="V86" s="644"/>
      <c r="W86" s="644"/>
      <c r="X86" s="645"/>
      <c r="Y86" s="623"/>
      <c r="Z86" s="624"/>
      <c r="AA86" s="625"/>
      <c r="AB86" s="623"/>
      <c r="AC86" s="624"/>
      <c r="AD86" s="625"/>
      <c r="AE86" s="423"/>
      <c r="AF86" s="125"/>
    </row>
    <row r="87" spans="1:32" ht="32.65" hidden="1" customHeight="1" outlineLevel="1">
      <c r="A87" s="125"/>
      <c r="B87" s="125"/>
      <c r="C87" s="614"/>
      <c r="D87" s="615"/>
      <c r="E87" s="615"/>
      <c r="F87" s="615"/>
      <c r="G87" s="615"/>
      <c r="H87" s="616"/>
      <c r="I87" s="774"/>
      <c r="J87" s="615"/>
      <c r="K87" s="615"/>
      <c r="L87" s="615"/>
      <c r="M87" s="615"/>
      <c r="N87" s="615"/>
      <c r="O87" s="615"/>
      <c r="P87" s="616"/>
      <c r="Q87" s="643"/>
      <c r="R87" s="644"/>
      <c r="S87" s="644"/>
      <c r="T87" s="644"/>
      <c r="U87" s="644"/>
      <c r="V87" s="644"/>
      <c r="W87" s="644"/>
      <c r="X87" s="645"/>
      <c r="Y87" s="623"/>
      <c r="Z87" s="624"/>
      <c r="AA87" s="625"/>
      <c r="AB87" s="623"/>
      <c r="AC87" s="624"/>
      <c r="AD87" s="625"/>
      <c r="AE87" s="423"/>
      <c r="AF87" s="125"/>
    </row>
    <row r="88" spans="1:32" ht="32.65" hidden="1" customHeight="1" outlineLevel="1">
      <c r="A88" s="125"/>
      <c r="B88" s="125"/>
      <c r="C88" s="614"/>
      <c r="D88" s="615"/>
      <c r="E88" s="615"/>
      <c r="F88" s="615"/>
      <c r="G88" s="615"/>
      <c r="H88" s="616"/>
      <c r="I88" s="774"/>
      <c r="J88" s="615"/>
      <c r="K88" s="615"/>
      <c r="L88" s="615"/>
      <c r="M88" s="615"/>
      <c r="N88" s="615"/>
      <c r="O88" s="615"/>
      <c r="P88" s="616"/>
      <c r="Q88" s="643"/>
      <c r="R88" s="644"/>
      <c r="S88" s="644"/>
      <c r="T88" s="644"/>
      <c r="U88" s="644"/>
      <c r="V88" s="644"/>
      <c r="W88" s="644"/>
      <c r="X88" s="645"/>
      <c r="Y88" s="623"/>
      <c r="Z88" s="624"/>
      <c r="AA88" s="625"/>
      <c r="AB88" s="623"/>
      <c r="AC88" s="624"/>
      <c r="AD88" s="625"/>
      <c r="AE88" s="423"/>
      <c r="AF88" s="125"/>
    </row>
    <row r="89" spans="1:32" ht="32.65" hidden="1" customHeight="1" outlineLevel="1">
      <c r="A89" s="125"/>
      <c r="B89" s="125"/>
      <c r="C89" s="614"/>
      <c r="D89" s="615"/>
      <c r="E89" s="615"/>
      <c r="F89" s="615"/>
      <c r="G89" s="615"/>
      <c r="H89" s="616"/>
      <c r="I89" s="774"/>
      <c r="J89" s="615"/>
      <c r="K89" s="615"/>
      <c r="L89" s="615"/>
      <c r="M89" s="615"/>
      <c r="N89" s="615"/>
      <c r="O89" s="615"/>
      <c r="P89" s="616"/>
      <c r="Q89" s="643"/>
      <c r="R89" s="644"/>
      <c r="S89" s="644"/>
      <c r="T89" s="644"/>
      <c r="U89" s="644"/>
      <c r="V89" s="644"/>
      <c r="W89" s="644"/>
      <c r="X89" s="645"/>
      <c r="Y89" s="623"/>
      <c r="Z89" s="624"/>
      <c r="AA89" s="625"/>
      <c r="AB89" s="623"/>
      <c r="AC89" s="624"/>
      <c r="AD89" s="625"/>
      <c r="AE89" s="423"/>
      <c r="AF89" s="125"/>
    </row>
    <row r="90" spans="1:32" ht="32.65" hidden="1" customHeight="1" outlineLevel="1" thickBot="1">
      <c r="A90" s="125"/>
      <c r="B90" s="125"/>
      <c r="C90" s="681"/>
      <c r="D90" s="654"/>
      <c r="E90" s="654"/>
      <c r="F90" s="654"/>
      <c r="G90" s="654"/>
      <c r="H90" s="655"/>
      <c r="I90" s="653"/>
      <c r="J90" s="654"/>
      <c r="K90" s="654"/>
      <c r="L90" s="654"/>
      <c r="M90" s="654"/>
      <c r="N90" s="654"/>
      <c r="O90" s="654"/>
      <c r="P90" s="655"/>
      <c r="Q90" s="733"/>
      <c r="R90" s="734"/>
      <c r="S90" s="734"/>
      <c r="T90" s="734"/>
      <c r="U90" s="734"/>
      <c r="V90" s="734"/>
      <c r="W90" s="734"/>
      <c r="X90" s="735"/>
      <c r="Y90" s="626"/>
      <c r="Z90" s="627"/>
      <c r="AA90" s="628"/>
      <c r="AB90" s="626"/>
      <c r="AC90" s="627"/>
      <c r="AD90" s="628"/>
      <c r="AE90" s="426"/>
      <c r="AF90" s="125"/>
    </row>
    <row r="91" spans="1:32" ht="15" customHeight="1" collapsed="1">
      <c r="A91" s="125"/>
      <c r="B91" s="125"/>
      <c r="C91" s="125"/>
      <c r="D91" s="125"/>
      <c r="E91" s="125"/>
      <c r="F91" s="125"/>
      <c r="G91" s="125"/>
      <c r="H91" s="125"/>
      <c r="I91" s="125"/>
      <c r="J91" s="125"/>
      <c r="K91" s="125"/>
      <c r="L91" s="125"/>
      <c r="M91" s="125"/>
      <c r="N91" s="125"/>
      <c r="O91" s="125"/>
      <c r="P91" s="125"/>
      <c r="Q91" s="125"/>
      <c r="R91" s="125"/>
      <c r="S91" s="125"/>
      <c r="T91" s="125"/>
      <c r="U91" s="125"/>
      <c r="V91" s="125"/>
      <c r="W91" s="125"/>
      <c r="X91" s="125"/>
      <c r="Y91" s="125"/>
      <c r="Z91" s="125"/>
      <c r="AA91" s="125"/>
      <c r="AB91" s="125"/>
      <c r="AC91" s="125"/>
      <c r="AD91" s="125"/>
      <c r="AE91" s="125"/>
      <c r="AF91" s="125"/>
    </row>
    <row r="92" spans="1:32" ht="24" customHeight="1">
      <c r="A92" s="148"/>
      <c r="B92" s="153" t="s">
        <v>67</v>
      </c>
      <c r="C92" s="110"/>
      <c r="D92" s="148"/>
      <c r="E92" s="148"/>
      <c r="F92" s="148"/>
      <c r="G92" s="148"/>
      <c r="H92" s="148"/>
      <c r="I92" s="148"/>
      <c r="J92" s="148"/>
      <c r="K92" s="148"/>
      <c r="L92" s="148"/>
      <c r="M92" s="148"/>
      <c r="N92" s="148"/>
      <c r="O92" s="148"/>
      <c r="P92" s="148"/>
      <c r="Q92" s="148"/>
      <c r="R92" s="148"/>
      <c r="S92" s="148"/>
      <c r="T92" s="148"/>
      <c r="U92" s="148"/>
      <c r="V92" s="148"/>
      <c r="W92" s="148"/>
      <c r="X92" s="148"/>
      <c r="Y92" s="148"/>
      <c r="Z92" s="148"/>
      <c r="AA92" s="148"/>
      <c r="AB92" s="148"/>
      <c r="AC92" s="148"/>
      <c r="AD92" s="148"/>
      <c r="AE92" s="148"/>
      <c r="AF92" s="148"/>
    </row>
    <row r="93" spans="1:32" ht="41.25" customHeight="1" thickBot="1">
      <c r="A93" s="125"/>
      <c r="B93" s="125"/>
      <c r="C93" s="739" t="s">
        <v>251</v>
      </c>
      <c r="D93" s="739"/>
      <c r="E93" s="739"/>
      <c r="F93" s="739"/>
      <c r="G93" s="739"/>
      <c r="H93" s="739"/>
      <c r="I93" s="739"/>
      <c r="J93" s="739"/>
      <c r="K93" s="739"/>
      <c r="L93" s="739"/>
      <c r="M93" s="739"/>
      <c r="N93" s="739"/>
      <c r="O93" s="739"/>
      <c r="P93" s="739"/>
      <c r="Q93" s="739"/>
      <c r="R93" s="739"/>
      <c r="S93" s="739"/>
      <c r="T93" s="739"/>
      <c r="U93" s="739"/>
      <c r="V93" s="739"/>
      <c r="W93" s="739"/>
      <c r="X93" s="739"/>
      <c r="Y93" s="739"/>
      <c r="Z93" s="739"/>
      <c r="AA93" s="739"/>
      <c r="AB93" s="739"/>
      <c r="AC93" s="739"/>
      <c r="AD93" s="739"/>
      <c r="AE93" s="739"/>
      <c r="AF93" s="125"/>
    </row>
    <row r="94" spans="1:32" ht="90" customHeight="1" thickBot="1">
      <c r="A94" s="125"/>
      <c r="B94" s="125"/>
      <c r="C94" s="637"/>
      <c r="D94" s="638"/>
      <c r="E94" s="638"/>
      <c r="F94" s="638"/>
      <c r="G94" s="638"/>
      <c r="H94" s="638"/>
      <c r="I94" s="638"/>
      <c r="J94" s="638"/>
      <c r="K94" s="638"/>
      <c r="L94" s="638"/>
      <c r="M94" s="638"/>
      <c r="N94" s="638"/>
      <c r="O94" s="638"/>
      <c r="P94" s="638"/>
      <c r="Q94" s="638"/>
      <c r="R94" s="638"/>
      <c r="S94" s="638"/>
      <c r="T94" s="638"/>
      <c r="U94" s="638"/>
      <c r="V94" s="638"/>
      <c r="W94" s="638"/>
      <c r="X94" s="638"/>
      <c r="Y94" s="638"/>
      <c r="Z94" s="638"/>
      <c r="AA94" s="638"/>
      <c r="AB94" s="638"/>
      <c r="AC94" s="638"/>
      <c r="AD94" s="638"/>
      <c r="AE94" s="639"/>
      <c r="AF94" s="125"/>
    </row>
    <row r="95" spans="1:32" ht="32.65" customHeight="1">
      <c r="A95" s="125"/>
      <c r="B95" s="125"/>
      <c r="C95" s="740" t="s">
        <v>234</v>
      </c>
      <c r="D95" s="740"/>
      <c r="E95" s="740"/>
      <c r="F95" s="740"/>
      <c r="G95" s="740"/>
      <c r="H95" s="740"/>
      <c r="I95" s="740"/>
      <c r="J95" s="740"/>
      <c r="K95" s="740"/>
      <c r="L95" s="740"/>
      <c r="M95" s="740"/>
      <c r="N95" s="740"/>
      <c r="O95" s="740"/>
      <c r="P95" s="740"/>
      <c r="Q95" s="740"/>
      <c r="R95" s="740"/>
      <c r="S95" s="740"/>
      <c r="T95" s="740"/>
      <c r="U95" s="740"/>
      <c r="V95" s="740"/>
      <c r="W95" s="740"/>
      <c r="X95" s="740"/>
      <c r="Y95" s="740"/>
      <c r="Z95" s="740"/>
      <c r="AA95" s="740"/>
      <c r="AB95" s="740"/>
      <c r="AC95" s="740"/>
      <c r="AD95" s="740"/>
      <c r="AE95" s="740"/>
      <c r="AF95" s="125"/>
    </row>
    <row r="96" spans="1:32" ht="24" customHeight="1">
      <c r="A96" s="125"/>
      <c r="B96" s="125"/>
      <c r="C96" s="719" t="s">
        <v>187</v>
      </c>
      <c r="D96" s="719"/>
      <c r="E96" s="719"/>
      <c r="F96" s="719"/>
      <c r="G96" s="719"/>
      <c r="H96" s="719"/>
      <c r="I96" s="719"/>
      <c r="J96" s="719"/>
      <c r="K96" s="719"/>
      <c r="L96" s="719"/>
      <c r="M96" s="719"/>
      <c r="N96" s="719"/>
      <c r="O96" s="719"/>
      <c r="P96" s="719"/>
      <c r="Q96" s="719"/>
      <c r="R96" s="719"/>
      <c r="S96" s="719"/>
      <c r="T96" s="719"/>
      <c r="U96" s="719"/>
      <c r="V96" s="719"/>
      <c r="W96" s="719"/>
      <c r="X96" s="719"/>
      <c r="Y96" s="719"/>
      <c r="Z96" s="719"/>
      <c r="AA96" s="719"/>
      <c r="AB96" s="719"/>
      <c r="AC96" s="719"/>
      <c r="AD96" s="719"/>
      <c r="AE96" s="719"/>
      <c r="AF96" s="125"/>
    </row>
    <row r="97" spans="1:32" ht="15" customHeight="1">
      <c r="A97" s="125"/>
      <c r="B97" s="125"/>
      <c r="C97" s="214"/>
      <c r="D97" s="214"/>
      <c r="E97" s="214"/>
      <c r="F97" s="214"/>
      <c r="G97" s="214"/>
      <c r="H97" s="214"/>
      <c r="I97" s="214"/>
      <c r="J97" s="214"/>
      <c r="K97" s="214"/>
      <c r="L97" s="214"/>
      <c r="M97" s="214"/>
      <c r="N97" s="214"/>
      <c r="O97" s="214"/>
      <c r="P97" s="214"/>
      <c r="Q97" s="214"/>
      <c r="R97" s="214"/>
      <c r="S97" s="214"/>
      <c r="T97" s="214"/>
      <c r="U97" s="214"/>
      <c r="V97" s="214"/>
      <c r="W97" s="214"/>
      <c r="X97" s="214"/>
      <c r="Y97" s="214"/>
      <c r="Z97" s="214"/>
      <c r="AA97" s="214"/>
      <c r="AB97" s="214"/>
      <c r="AC97" s="214"/>
      <c r="AD97" s="214"/>
      <c r="AE97" s="125"/>
      <c r="AF97" s="125"/>
    </row>
    <row r="98" spans="1:32" ht="24" customHeight="1">
      <c r="A98" s="148"/>
      <c r="B98" s="154" t="s">
        <v>74</v>
      </c>
      <c r="C98" s="154"/>
      <c r="D98" s="154"/>
      <c r="E98" s="154"/>
      <c r="F98" s="154"/>
      <c r="G98" s="154"/>
      <c r="H98" s="154"/>
      <c r="I98" s="154"/>
      <c r="J98" s="154"/>
      <c r="K98" s="154"/>
      <c r="L98" s="154"/>
      <c r="M98" s="154"/>
      <c r="N98" s="154"/>
      <c r="O98" s="154"/>
      <c r="P98" s="154"/>
      <c r="Q98" s="154"/>
      <c r="R98" s="154"/>
      <c r="S98" s="154"/>
      <c r="T98" s="154"/>
      <c r="U98" s="154"/>
      <c r="V98" s="154"/>
      <c r="W98" s="154"/>
      <c r="X98" s="154"/>
      <c r="Y98" s="154"/>
      <c r="Z98" s="154"/>
      <c r="AA98" s="154"/>
      <c r="AB98" s="154"/>
      <c r="AC98" s="154"/>
      <c r="AD98" s="110"/>
      <c r="AE98" s="148"/>
      <c r="AF98" s="148"/>
    </row>
    <row r="99" spans="1:32" ht="35.25" customHeight="1" thickBot="1">
      <c r="A99" s="125"/>
      <c r="B99" s="125"/>
      <c r="C99" s="736" t="s">
        <v>226</v>
      </c>
      <c r="D99" s="736"/>
      <c r="E99" s="736"/>
      <c r="F99" s="736"/>
      <c r="G99" s="736"/>
      <c r="H99" s="736"/>
      <c r="I99" s="736"/>
      <c r="J99" s="736"/>
      <c r="K99" s="736"/>
      <c r="L99" s="736"/>
      <c r="M99" s="736"/>
      <c r="N99" s="736"/>
      <c r="O99" s="736"/>
      <c r="P99" s="736"/>
      <c r="Q99" s="736"/>
      <c r="R99" s="736"/>
      <c r="S99" s="736"/>
      <c r="T99" s="736"/>
      <c r="U99" s="736"/>
      <c r="V99" s="736"/>
      <c r="W99" s="736"/>
      <c r="X99" s="736"/>
      <c r="Y99" s="736"/>
      <c r="Z99" s="736"/>
      <c r="AA99" s="736"/>
      <c r="AB99" s="736"/>
      <c r="AC99" s="736"/>
      <c r="AD99" s="736"/>
      <c r="AE99" s="125"/>
      <c r="AF99" s="125"/>
    </row>
    <row r="100" spans="1:32" ht="90" customHeight="1" thickBot="1">
      <c r="A100" s="125"/>
      <c r="B100" s="125"/>
      <c r="C100" s="637"/>
      <c r="D100" s="638"/>
      <c r="E100" s="638"/>
      <c r="F100" s="638"/>
      <c r="G100" s="638"/>
      <c r="H100" s="638"/>
      <c r="I100" s="638"/>
      <c r="J100" s="638"/>
      <c r="K100" s="638"/>
      <c r="L100" s="638"/>
      <c r="M100" s="638"/>
      <c r="N100" s="638"/>
      <c r="O100" s="638"/>
      <c r="P100" s="638"/>
      <c r="Q100" s="638"/>
      <c r="R100" s="638"/>
      <c r="S100" s="638"/>
      <c r="T100" s="638"/>
      <c r="U100" s="638"/>
      <c r="V100" s="638"/>
      <c r="W100" s="638"/>
      <c r="X100" s="638"/>
      <c r="Y100" s="638"/>
      <c r="Z100" s="638"/>
      <c r="AA100" s="638"/>
      <c r="AB100" s="638"/>
      <c r="AC100" s="638"/>
      <c r="AD100" s="638"/>
      <c r="AE100" s="639"/>
      <c r="AF100" s="125"/>
    </row>
    <row r="101" spans="1:32" ht="15" customHeight="1">
      <c r="A101" s="125"/>
      <c r="B101" s="125"/>
      <c r="C101" s="125"/>
      <c r="D101" s="125"/>
      <c r="E101" s="125"/>
      <c r="F101" s="125"/>
      <c r="G101" s="125"/>
      <c r="H101" s="125"/>
      <c r="I101" s="125"/>
      <c r="J101" s="125"/>
      <c r="K101" s="125"/>
      <c r="L101" s="125"/>
      <c r="M101" s="125"/>
      <c r="N101" s="125"/>
      <c r="O101" s="125"/>
      <c r="P101" s="125"/>
      <c r="Q101" s="125"/>
      <c r="R101" s="125"/>
      <c r="S101" s="125"/>
      <c r="T101" s="125"/>
      <c r="U101" s="125"/>
      <c r="V101" s="125"/>
      <c r="W101" s="125"/>
      <c r="X101" s="125"/>
      <c r="Y101" s="125"/>
      <c r="Z101" s="125"/>
      <c r="AA101" s="125"/>
      <c r="AB101" s="125"/>
      <c r="AC101" s="125"/>
      <c r="AD101" s="125"/>
      <c r="AE101" s="125"/>
      <c r="AF101" s="125"/>
    </row>
    <row r="102" spans="1:32" s="88" customFormat="1" ht="32.65" customHeight="1" thickBot="1">
      <c r="A102" s="141"/>
      <c r="B102" s="141"/>
      <c r="C102" s="737" t="s">
        <v>227</v>
      </c>
      <c r="D102" s="737"/>
      <c r="E102" s="737"/>
      <c r="F102" s="737"/>
      <c r="G102" s="737"/>
      <c r="H102" s="737"/>
      <c r="I102" s="737"/>
      <c r="J102" s="737"/>
      <c r="K102" s="737"/>
      <c r="L102" s="737"/>
      <c r="M102" s="737"/>
      <c r="N102" s="737"/>
      <c r="O102" s="737"/>
      <c r="P102" s="737"/>
      <c r="Q102" s="737"/>
      <c r="R102" s="737"/>
      <c r="S102" s="737"/>
      <c r="T102" s="737"/>
      <c r="U102" s="737"/>
      <c r="V102" s="737"/>
      <c r="W102" s="737"/>
      <c r="X102" s="737"/>
      <c r="Y102" s="737"/>
      <c r="Z102" s="737"/>
      <c r="AA102" s="737"/>
      <c r="AB102" s="737"/>
      <c r="AC102" s="737"/>
      <c r="AD102" s="737"/>
      <c r="AE102" s="141"/>
      <c r="AF102" s="141"/>
    </row>
    <row r="103" spans="1:32" ht="90" customHeight="1" thickBot="1">
      <c r="A103" s="125"/>
      <c r="B103" s="125"/>
      <c r="C103" s="637"/>
      <c r="D103" s="638"/>
      <c r="E103" s="638"/>
      <c r="F103" s="638"/>
      <c r="G103" s="638"/>
      <c r="H103" s="638"/>
      <c r="I103" s="638"/>
      <c r="J103" s="638"/>
      <c r="K103" s="638"/>
      <c r="L103" s="638"/>
      <c r="M103" s="638"/>
      <c r="N103" s="638"/>
      <c r="O103" s="638"/>
      <c r="P103" s="638"/>
      <c r="Q103" s="638"/>
      <c r="R103" s="638"/>
      <c r="S103" s="638"/>
      <c r="T103" s="638"/>
      <c r="U103" s="638"/>
      <c r="V103" s="638"/>
      <c r="W103" s="638"/>
      <c r="X103" s="638"/>
      <c r="Y103" s="638"/>
      <c r="Z103" s="638"/>
      <c r="AA103" s="638"/>
      <c r="AB103" s="638"/>
      <c r="AC103" s="638"/>
      <c r="AD103" s="638"/>
      <c r="AE103" s="639"/>
      <c r="AF103" s="125"/>
    </row>
    <row r="104" spans="1:32" ht="15" customHeight="1">
      <c r="A104" s="125"/>
      <c r="B104" s="125"/>
      <c r="C104" s="125"/>
      <c r="D104" s="125"/>
      <c r="E104" s="125"/>
      <c r="F104" s="125"/>
      <c r="G104" s="125"/>
      <c r="H104" s="125"/>
      <c r="I104" s="125"/>
      <c r="J104" s="125"/>
      <c r="K104" s="125"/>
      <c r="L104" s="125"/>
      <c r="M104" s="125"/>
      <c r="N104" s="125"/>
      <c r="O104" s="125"/>
      <c r="P104" s="125"/>
      <c r="Q104" s="125"/>
      <c r="R104" s="125"/>
      <c r="S104" s="125"/>
      <c r="T104" s="125"/>
      <c r="U104" s="125"/>
      <c r="V104" s="125"/>
      <c r="W104" s="125"/>
      <c r="X104" s="125"/>
      <c r="Y104" s="125"/>
      <c r="Z104" s="125"/>
      <c r="AA104" s="125"/>
      <c r="AB104" s="125"/>
      <c r="AC104" s="125"/>
      <c r="AD104" s="125"/>
      <c r="AE104" s="125"/>
      <c r="AF104" s="125"/>
    </row>
    <row r="105" spans="1:32" ht="24" customHeight="1">
      <c r="A105" s="148"/>
      <c r="B105" s="153" t="s">
        <v>188</v>
      </c>
      <c r="C105" s="110"/>
      <c r="D105" s="148"/>
      <c r="E105" s="148"/>
      <c r="F105" s="148"/>
      <c r="G105" s="148"/>
      <c r="H105" s="148"/>
      <c r="I105" s="148"/>
      <c r="J105" s="148"/>
      <c r="K105" s="148"/>
      <c r="L105" s="148"/>
      <c r="M105" s="148"/>
      <c r="N105" s="148"/>
      <c r="O105" s="148"/>
      <c r="P105" s="148"/>
      <c r="Q105" s="148"/>
      <c r="R105" s="148"/>
      <c r="S105" s="148"/>
      <c r="T105" s="148"/>
      <c r="U105" s="148"/>
      <c r="V105" s="148"/>
      <c r="W105" s="148"/>
      <c r="X105" s="148"/>
      <c r="Y105" s="148"/>
      <c r="Z105" s="148"/>
      <c r="AA105" s="148"/>
      <c r="AB105" s="148"/>
      <c r="AC105" s="148"/>
      <c r="AD105" s="148"/>
      <c r="AE105" s="148"/>
      <c r="AF105" s="148"/>
    </row>
    <row r="106" spans="1:32" ht="37.5" customHeight="1" thickBot="1">
      <c r="A106" s="125"/>
      <c r="B106" s="125"/>
      <c r="C106" s="618" t="s">
        <v>252</v>
      </c>
      <c r="D106" s="618"/>
      <c r="E106" s="618"/>
      <c r="F106" s="618"/>
      <c r="G106" s="618"/>
      <c r="H106" s="618"/>
      <c r="I106" s="618"/>
      <c r="J106" s="618"/>
      <c r="K106" s="618"/>
      <c r="L106" s="618"/>
      <c r="M106" s="618"/>
      <c r="N106" s="618"/>
      <c r="O106" s="618"/>
      <c r="P106" s="618"/>
      <c r="Q106" s="618"/>
      <c r="R106" s="618"/>
      <c r="S106" s="618"/>
      <c r="T106" s="618"/>
      <c r="U106" s="618"/>
      <c r="V106" s="618"/>
      <c r="W106" s="618"/>
      <c r="X106" s="618"/>
      <c r="Y106" s="618"/>
      <c r="Z106" s="618"/>
      <c r="AA106" s="618"/>
      <c r="AB106" s="618"/>
      <c r="AC106" s="618"/>
      <c r="AD106" s="618"/>
      <c r="AE106" s="618"/>
      <c r="AF106" s="125"/>
    </row>
    <row r="107" spans="1:32" ht="32.65" customHeight="1" thickBot="1">
      <c r="A107" s="125"/>
      <c r="B107" s="125"/>
      <c r="C107" s="696" t="s">
        <v>58</v>
      </c>
      <c r="D107" s="697"/>
      <c r="E107" s="697"/>
      <c r="F107" s="697"/>
      <c r="G107" s="697"/>
      <c r="H107" s="697"/>
      <c r="I107" s="697"/>
      <c r="J107" s="697"/>
      <c r="K107" s="697"/>
      <c r="L107" s="697"/>
      <c r="M107" s="697"/>
      <c r="N107" s="697"/>
      <c r="O107" s="698"/>
      <c r="P107" s="125"/>
      <c r="R107" s="696" t="s">
        <v>59</v>
      </c>
      <c r="S107" s="697"/>
      <c r="T107" s="697"/>
      <c r="U107" s="697"/>
      <c r="V107" s="697"/>
      <c r="W107" s="697"/>
      <c r="X107" s="697"/>
      <c r="Y107" s="697"/>
      <c r="Z107" s="697"/>
      <c r="AA107" s="697"/>
      <c r="AB107" s="697"/>
      <c r="AC107" s="698"/>
      <c r="AD107" s="125"/>
      <c r="AE107" s="125"/>
      <c r="AF107" s="125"/>
    </row>
    <row r="108" spans="1:32" ht="32.65" customHeight="1" thickBot="1">
      <c r="A108" s="125"/>
      <c r="B108" s="125"/>
      <c r="C108" s="728"/>
      <c r="D108" s="728"/>
      <c r="E108" s="728"/>
      <c r="F108" s="728"/>
      <c r="G108" s="728"/>
      <c r="H108" s="728"/>
      <c r="I108" s="738" t="s">
        <v>60</v>
      </c>
      <c r="J108" s="738"/>
      <c r="K108" s="738"/>
      <c r="L108" s="738"/>
      <c r="M108" s="738"/>
      <c r="N108" s="738"/>
      <c r="O108" s="738"/>
      <c r="P108" s="125"/>
      <c r="R108" s="728"/>
      <c r="S108" s="728"/>
      <c r="T108" s="728"/>
      <c r="U108" s="728"/>
      <c r="V108" s="728"/>
      <c r="W108" s="728"/>
      <c r="X108" s="728"/>
      <c r="Y108" s="738" t="s">
        <v>60</v>
      </c>
      <c r="Z108" s="738"/>
      <c r="AA108" s="738"/>
      <c r="AB108" s="738"/>
      <c r="AC108" s="738"/>
      <c r="AD108" s="125"/>
      <c r="AE108" s="125"/>
      <c r="AF108" s="125"/>
    </row>
    <row r="109" spans="1:32" ht="15" customHeight="1">
      <c r="A109" s="125"/>
      <c r="B109" s="125"/>
      <c r="C109" s="125"/>
      <c r="D109" s="125"/>
      <c r="E109" s="125"/>
      <c r="F109" s="125"/>
      <c r="G109" s="125"/>
      <c r="H109" s="125"/>
      <c r="I109" s="125"/>
      <c r="J109" s="125"/>
      <c r="K109" s="125"/>
      <c r="L109" s="125"/>
      <c r="M109" s="125"/>
      <c r="N109" s="125"/>
      <c r="O109" s="125"/>
      <c r="P109" s="125"/>
      <c r="Q109" s="125"/>
      <c r="R109" s="125"/>
      <c r="S109" s="125"/>
      <c r="T109" s="125"/>
      <c r="U109" s="125"/>
      <c r="V109" s="125"/>
      <c r="W109" s="125"/>
      <c r="X109" s="125"/>
      <c r="Y109" s="125"/>
      <c r="Z109" s="125"/>
      <c r="AA109" s="125"/>
      <c r="AB109" s="125"/>
      <c r="AC109" s="125"/>
      <c r="AD109" s="125"/>
      <c r="AE109" s="125"/>
      <c r="AF109" s="125"/>
    </row>
    <row r="110" spans="1:32" ht="45.75" customHeight="1" thickBot="1">
      <c r="A110" s="125"/>
      <c r="B110" s="125"/>
      <c r="C110" s="617" t="s">
        <v>420</v>
      </c>
      <c r="D110" s="617"/>
      <c r="E110" s="617"/>
      <c r="F110" s="617"/>
      <c r="G110" s="617"/>
      <c r="H110" s="617"/>
      <c r="I110" s="617"/>
      <c r="J110" s="617"/>
      <c r="K110" s="617"/>
      <c r="L110" s="617"/>
      <c r="M110" s="617"/>
      <c r="N110" s="617"/>
      <c r="O110" s="617"/>
      <c r="P110" s="617"/>
      <c r="Q110" s="617"/>
      <c r="R110" s="617"/>
      <c r="S110" s="617"/>
      <c r="T110" s="617"/>
      <c r="U110" s="617"/>
      <c r="V110" s="617"/>
      <c r="W110" s="617"/>
      <c r="X110" s="617"/>
      <c r="Y110" s="617"/>
      <c r="Z110" s="617"/>
      <c r="AA110" s="617"/>
      <c r="AB110" s="617"/>
      <c r="AC110" s="617"/>
      <c r="AD110" s="617"/>
      <c r="AE110" s="617"/>
      <c r="AF110" s="125"/>
    </row>
    <row r="111" spans="1:32" ht="90" customHeight="1" thickBot="1">
      <c r="A111" s="125"/>
      <c r="B111" s="142"/>
      <c r="C111" s="637"/>
      <c r="D111" s="638"/>
      <c r="E111" s="638"/>
      <c r="F111" s="638"/>
      <c r="G111" s="638"/>
      <c r="H111" s="638"/>
      <c r="I111" s="638"/>
      <c r="J111" s="638"/>
      <c r="K111" s="638"/>
      <c r="L111" s="638"/>
      <c r="M111" s="638"/>
      <c r="N111" s="638"/>
      <c r="O111" s="638"/>
      <c r="P111" s="638"/>
      <c r="Q111" s="638"/>
      <c r="R111" s="638"/>
      <c r="S111" s="638"/>
      <c r="T111" s="638"/>
      <c r="U111" s="638"/>
      <c r="V111" s="638"/>
      <c r="W111" s="638"/>
      <c r="X111" s="638"/>
      <c r="Y111" s="638"/>
      <c r="Z111" s="638"/>
      <c r="AA111" s="638"/>
      <c r="AB111" s="638"/>
      <c r="AC111" s="638"/>
      <c r="AD111" s="638"/>
      <c r="AE111" s="639"/>
      <c r="AF111" s="125"/>
    </row>
    <row r="112" spans="1:32" ht="15" customHeight="1">
      <c r="A112" s="125"/>
      <c r="B112" s="142"/>
      <c r="C112" s="212"/>
      <c r="D112" s="212"/>
      <c r="E112" s="212"/>
      <c r="F112" s="212"/>
      <c r="G112" s="212"/>
      <c r="H112" s="212"/>
      <c r="I112" s="212"/>
      <c r="J112" s="212"/>
      <c r="K112" s="212"/>
      <c r="L112" s="212"/>
      <c r="M112" s="212"/>
      <c r="N112" s="212"/>
      <c r="O112" s="212"/>
      <c r="P112" s="212"/>
      <c r="Q112" s="212"/>
      <c r="R112" s="212"/>
      <c r="S112" s="212"/>
      <c r="T112" s="212"/>
      <c r="U112" s="212"/>
      <c r="V112" s="212"/>
      <c r="W112" s="212"/>
      <c r="X112" s="212"/>
      <c r="Y112" s="212"/>
      <c r="Z112" s="212"/>
      <c r="AA112" s="212"/>
      <c r="AB112" s="212"/>
      <c r="AC112" s="212"/>
      <c r="AD112" s="212"/>
      <c r="AE112" s="142"/>
      <c r="AF112" s="125"/>
    </row>
    <row r="113" spans="1:34" ht="15" customHeight="1">
      <c r="A113" s="125"/>
      <c r="B113" s="125"/>
      <c r="C113" s="125"/>
      <c r="D113" s="125"/>
      <c r="E113" s="125"/>
      <c r="F113" s="125"/>
      <c r="G113" s="125"/>
      <c r="H113" s="125"/>
      <c r="I113" s="125"/>
      <c r="J113" s="125"/>
      <c r="K113" s="125"/>
      <c r="L113" s="125"/>
      <c r="M113" s="125"/>
      <c r="N113" s="125"/>
      <c r="O113" s="125"/>
      <c r="P113" s="125"/>
      <c r="Q113" s="125"/>
      <c r="R113" s="125"/>
      <c r="S113" s="125"/>
      <c r="T113" s="125"/>
      <c r="U113" s="125"/>
      <c r="V113" s="125"/>
      <c r="W113" s="125"/>
      <c r="X113" s="125"/>
      <c r="Y113" s="125"/>
      <c r="Z113" s="125"/>
      <c r="AA113" s="125"/>
      <c r="AB113" s="125"/>
      <c r="AC113" s="125"/>
      <c r="AD113" s="125"/>
      <c r="AE113" s="125"/>
      <c r="AF113" s="125"/>
    </row>
    <row r="114" spans="1:34" ht="24" customHeight="1">
      <c r="A114" s="148"/>
      <c r="B114" s="154" t="s">
        <v>61</v>
      </c>
      <c r="C114" s="154"/>
      <c r="D114" s="154"/>
      <c r="E114" s="154"/>
      <c r="F114" s="154"/>
      <c r="G114" s="154"/>
      <c r="H114" s="154"/>
      <c r="I114" s="154"/>
      <c r="J114" s="154"/>
      <c r="K114" s="154"/>
      <c r="L114" s="154"/>
      <c r="M114" s="154"/>
      <c r="N114" s="154"/>
      <c r="O114" s="154"/>
      <c r="P114" s="154"/>
      <c r="Q114" s="154"/>
      <c r="R114" s="154"/>
      <c r="S114" s="154"/>
      <c r="T114" s="154"/>
      <c r="U114" s="154"/>
      <c r="V114" s="154"/>
      <c r="W114" s="154"/>
      <c r="X114" s="154"/>
      <c r="Y114" s="154"/>
      <c r="Z114" s="154"/>
      <c r="AA114" s="154"/>
      <c r="AB114" s="154"/>
      <c r="AC114" s="154"/>
      <c r="AD114" s="154"/>
      <c r="AE114" s="148"/>
      <c r="AF114" s="148"/>
    </row>
    <row r="115" spans="1:34" ht="28.15" customHeight="1" thickBot="1">
      <c r="A115" s="125"/>
      <c r="B115" s="125"/>
      <c r="C115" s="617" t="s">
        <v>429</v>
      </c>
      <c r="D115" s="772"/>
      <c r="E115" s="772"/>
      <c r="F115" s="772"/>
      <c r="G115" s="772"/>
      <c r="H115" s="772"/>
      <c r="I115" s="772"/>
      <c r="J115" s="772"/>
      <c r="K115" s="772"/>
      <c r="L115" s="772"/>
      <c r="M115" s="772"/>
      <c r="N115" s="772"/>
      <c r="O115" s="772"/>
      <c r="P115" s="772"/>
      <c r="Q115" s="772"/>
      <c r="R115" s="772"/>
      <c r="S115" s="773"/>
      <c r="T115" s="773"/>
      <c r="U115" s="773"/>
      <c r="V115" s="773"/>
      <c r="W115" s="773"/>
      <c r="X115" s="773"/>
      <c r="Y115" s="773"/>
      <c r="Z115" s="773"/>
      <c r="AA115" s="773"/>
      <c r="AB115" s="773"/>
      <c r="AC115" s="773"/>
      <c r="AD115" s="773"/>
      <c r="AE115" s="125"/>
      <c r="AF115" s="125"/>
    </row>
    <row r="116" spans="1:34" ht="32.65" customHeight="1">
      <c r="A116" s="125"/>
      <c r="B116" s="125"/>
      <c r="C116" s="619" t="s">
        <v>336</v>
      </c>
      <c r="D116" s="620"/>
      <c r="E116" s="620"/>
      <c r="F116" s="620"/>
      <c r="G116" s="621"/>
      <c r="H116" s="622" t="s">
        <v>337</v>
      </c>
      <c r="I116" s="620"/>
      <c r="J116" s="620"/>
      <c r="K116" s="620"/>
      <c r="L116" s="620"/>
      <c r="M116" s="621"/>
      <c r="N116" s="630" t="s">
        <v>404</v>
      </c>
      <c r="O116" s="620"/>
      <c r="P116" s="620"/>
      <c r="Q116" s="620"/>
      <c r="R116" s="621"/>
      <c r="S116" s="633" t="s">
        <v>182</v>
      </c>
      <c r="T116" s="699"/>
      <c r="U116" s="699"/>
      <c r="V116" s="699"/>
      <c r="W116" s="699"/>
      <c r="X116" s="633" t="s">
        <v>245</v>
      </c>
      <c r="Y116" s="699"/>
      <c r="Z116" s="699"/>
      <c r="AA116" s="699"/>
      <c r="AB116" s="630" t="s">
        <v>179</v>
      </c>
      <c r="AC116" s="631"/>
      <c r="AD116" s="632"/>
      <c r="AE116" s="169" t="s">
        <v>332</v>
      </c>
      <c r="AF116" s="125"/>
    </row>
    <row r="117" spans="1:34" ht="32.65" customHeight="1">
      <c r="A117" s="125"/>
      <c r="B117" s="125"/>
      <c r="C117" s="608"/>
      <c r="D117" s="607"/>
      <c r="E117" s="607"/>
      <c r="F117" s="607"/>
      <c r="G117" s="607"/>
      <c r="H117" s="607"/>
      <c r="I117" s="607"/>
      <c r="J117" s="607"/>
      <c r="K117" s="607"/>
      <c r="L117" s="607"/>
      <c r="M117" s="607"/>
      <c r="N117" s="607"/>
      <c r="O117" s="607"/>
      <c r="P117" s="607"/>
      <c r="Q117" s="607"/>
      <c r="R117" s="607"/>
      <c r="S117" s="695"/>
      <c r="T117" s="695"/>
      <c r="U117" s="695"/>
      <c r="V117" s="695"/>
      <c r="W117" s="695"/>
      <c r="X117" s="742"/>
      <c r="Y117" s="742"/>
      <c r="Z117" s="742"/>
      <c r="AA117" s="742"/>
      <c r="AB117" s="685">
        <f>S117*X117</f>
        <v>0</v>
      </c>
      <c r="AC117" s="686"/>
      <c r="AD117" s="687"/>
      <c r="AE117" s="423"/>
      <c r="AF117" s="422"/>
      <c r="AG117" s="422"/>
      <c r="AH117" s="422"/>
    </row>
    <row r="118" spans="1:34" ht="32.65" customHeight="1">
      <c r="A118" s="125"/>
      <c r="B118" s="125"/>
      <c r="C118" s="608"/>
      <c r="D118" s="607"/>
      <c r="E118" s="607"/>
      <c r="F118" s="607"/>
      <c r="G118" s="607"/>
      <c r="H118" s="607"/>
      <c r="I118" s="607"/>
      <c r="J118" s="607"/>
      <c r="K118" s="607"/>
      <c r="L118" s="607"/>
      <c r="M118" s="607"/>
      <c r="N118" s="607"/>
      <c r="O118" s="607"/>
      <c r="P118" s="607"/>
      <c r="Q118" s="607"/>
      <c r="R118" s="607"/>
      <c r="S118" s="695"/>
      <c r="T118" s="695"/>
      <c r="U118" s="695"/>
      <c r="V118" s="695"/>
      <c r="W118" s="695"/>
      <c r="X118" s="742"/>
      <c r="Y118" s="742"/>
      <c r="Z118" s="742"/>
      <c r="AA118" s="742"/>
      <c r="AB118" s="685">
        <f t="shared" ref="AB118:AB126" si="1">S118*X118</f>
        <v>0</v>
      </c>
      <c r="AC118" s="686"/>
      <c r="AD118" s="687"/>
      <c r="AE118" s="423"/>
      <c r="AF118" s="125"/>
    </row>
    <row r="119" spans="1:34" ht="32.65" customHeight="1">
      <c r="A119" s="125"/>
      <c r="B119" s="125"/>
      <c r="C119" s="608"/>
      <c r="D119" s="607"/>
      <c r="E119" s="607"/>
      <c r="F119" s="607"/>
      <c r="G119" s="607"/>
      <c r="H119" s="607"/>
      <c r="I119" s="607"/>
      <c r="J119" s="607"/>
      <c r="K119" s="607"/>
      <c r="L119" s="607"/>
      <c r="M119" s="607"/>
      <c r="N119" s="607"/>
      <c r="O119" s="607"/>
      <c r="P119" s="607"/>
      <c r="Q119" s="607"/>
      <c r="R119" s="607"/>
      <c r="S119" s="695"/>
      <c r="T119" s="695"/>
      <c r="U119" s="695"/>
      <c r="V119" s="695"/>
      <c r="W119" s="695"/>
      <c r="X119" s="742"/>
      <c r="Y119" s="742"/>
      <c r="Z119" s="742"/>
      <c r="AA119" s="742"/>
      <c r="AB119" s="685">
        <f t="shared" si="1"/>
        <v>0</v>
      </c>
      <c r="AC119" s="686"/>
      <c r="AD119" s="687"/>
      <c r="AE119" s="423"/>
      <c r="AF119" s="125"/>
    </row>
    <row r="120" spans="1:34" ht="32.65" customHeight="1">
      <c r="A120" s="125"/>
      <c r="B120" s="125"/>
      <c r="C120" s="608"/>
      <c r="D120" s="607"/>
      <c r="E120" s="607"/>
      <c r="F120" s="607"/>
      <c r="G120" s="607"/>
      <c r="H120" s="607"/>
      <c r="I120" s="607"/>
      <c r="J120" s="607"/>
      <c r="K120" s="607"/>
      <c r="L120" s="607"/>
      <c r="M120" s="607"/>
      <c r="N120" s="607"/>
      <c r="O120" s="607"/>
      <c r="P120" s="607"/>
      <c r="Q120" s="607"/>
      <c r="R120" s="607"/>
      <c r="S120" s="695"/>
      <c r="T120" s="695"/>
      <c r="U120" s="695"/>
      <c r="V120" s="695"/>
      <c r="W120" s="695"/>
      <c r="X120" s="742"/>
      <c r="Y120" s="742"/>
      <c r="Z120" s="742"/>
      <c r="AA120" s="742"/>
      <c r="AB120" s="685">
        <f t="shared" si="1"/>
        <v>0</v>
      </c>
      <c r="AC120" s="686"/>
      <c r="AD120" s="687"/>
      <c r="AE120" s="423"/>
      <c r="AF120" s="125"/>
    </row>
    <row r="121" spans="1:34" ht="32.65" customHeight="1" thickBot="1">
      <c r="A121" s="125"/>
      <c r="B121" s="125"/>
      <c r="C121" s="746"/>
      <c r="D121" s="694"/>
      <c r="E121" s="694"/>
      <c r="F121" s="694"/>
      <c r="G121" s="694"/>
      <c r="H121" s="694"/>
      <c r="I121" s="694"/>
      <c r="J121" s="694"/>
      <c r="K121" s="694"/>
      <c r="L121" s="694"/>
      <c r="M121" s="694"/>
      <c r="N121" s="694"/>
      <c r="O121" s="694"/>
      <c r="P121" s="694"/>
      <c r="Q121" s="694"/>
      <c r="R121" s="694"/>
      <c r="S121" s="700"/>
      <c r="T121" s="700"/>
      <c r="U121" s="700"/>
      <c r="V121" s="700"/>
      <c r="W121" s="700"/>
      <c r="X121" s="743"/>
      <c r="Y121" s="743"/>
      <c r="Z121" s="743"/>
      <c r="AA121" s="743"/>
      <c r="AB121" s="688">
        <f t="shared" si="1"/>
        <v>0</v>
      </c>
      <c r="AC121" s="689"/>
      <c r="AD121" s="690"/>
      <c r="AE121" s="424"/>
      <c r="AF121" s="125"/>
    </row>
    <row r="122" spans="1:34" ht="32.65" hidden="1" customHeight="1" outlineLevel="1">
      <c r="A122" s="125"/>
      <c r="B122" s="125"/>
      <c r="C122" s="747"/>
      <c r="D122" s="748"/>
      <c r="E122" s="748"/>
      <c r="F122" s="748"/>
      <c r="G122" s="748"/>
      <c r="H122" s="748"/>
      <c r="I122" s="748"/>
      <c r="J122" s="748"/>
      <c r="K122" s="748"/>
      <c r="L122" s="748"/>
      <c r="M122" s="748"/>
      <c r="N122" s="748"/>
      <c r="O122" s="748"/>
      <c r="P122" s="748"/>
      <c r="Q122" s="748"/>
      <c r="R122" s="748"/>
      <c r="S122" s="744"/>
      <c r="T122" s="744"/>
      <c r="U122" s="744"/>
      <c r="V122" s="744"/>
      <c r="W122" s="744"/>
      <c r="X122" s="745"/>
      <c r="Y122" s="745"/>
      <c r="Z122" s="745"/>
      <c r="AA122" s="745"/>
      <c r="AB122" s="691">
        <f t="shared" si="1"/>
        <v>0</v>
      </c>
      <c r="AC122" s="692"/>
      <c r="AD122" s="693"/>
      <c r="AE122" s="425"/>
      <c r="AF122" s="125"/>
    </row>
    <row r="123" spans="1:34" ht="32.65" hidden="1" customHeight="1" outlineLevel="1">
      <c r="A123" s="125"/>
      <c r="B123" s="125"/>
      <c r="C123" s="608"/>
      <c r="D123" s="607"/>
      <c r="E123" s="607"/>
      <c r="F123" s="607"/>
      <c r="G123" s="607"/>
      <c r="H123" s="607"/>
      <c r="I123" s="607"/>
      <c r="J123" s="607"/>
      <c r="K123" s="607"/>
      <c r="L123" s="607"/>
      <c r="M123" s="607"/>
      <c r="N123" s="607"/>
      <c r="O123" s="607"/>
      <c r="P123" s="607"/>
      <c r="Q123" s="607"/>
      <c r="R123" s="607"/>
      <c r="S123" s="695"/>
      <c r="T123" s="695"/>
      <c r="U123" s="695"/>
      <c r="V123" s="695"/>
      <c r="W123" s="695"/>
      <c r="X123" s="742"/>
      <c r="Y123" s="742"/>
      <c r="Z123" s="742"/>
      <c r="AA123" s="742"/>
      <c r="AB123" s="685">
        <f>S123*X123</f>
        <v>0</v>
      </c>
      <c r="AC123" s="686"/>
      <c r="AD123" s="687"/>
      <c r="AE123" s="423"/>
      <c r="AF123" s="125"/>
    </row>
    <row r="124" spans="1:34" ht="32.65" hidden="1" customHeight="1" outlineLevel="1">
      <c r="A124" s="125"/>
      <c r="B124" s="125"/>
      <c r="C124" s="608"/>
      <c r="D124" s="607"/>
      <c r="E124" s="607"/>
      <c r="F124" s="607"/>
      <c r="G124" s="607"/>
      <c r="H124" s="607"/>
      <c r="I124" s="607"/>
      <c r="J124" s="607"/>
      <c r="K124" s="607"/>
      <c r="L124" s="607"/>
      <c r="M124" s="607"/>
      <c r="N124" s="607"/>
      <c r="O124" s="607"/>
      <c r="P124" s="607"/>
      <c r="Q124" s="607"/>
      <c r="R124" s="607"/>
      <c r="S124" s="695"/>
      <c r="T124" s="695"/>
      <c r="U124" s="695"/>
      <c r="V124" s="695"/>
      <c r="W124" s="695"/>
      <c r="X124" s="742"/>
      <c r="Y124" s="742"/>
      <c r="Z124" s="742"/>
      <c r="AA124" s="742"/>
      <c r="AB124" s="685">
        <f t="shared" si="1"/>
        <v>0</v>
      </c>
      <c r="AC124" s="686"/>
      <c r="AD124" s="687"/>
      <c r="AE124" s="423"/>
      <c r="AF124" s="125"/>
    </row>
    <row r="125" spans="1:34" ht="32.65" hidden="1" customHeight="1" outlineLevel="1">
      <c r="A125" s="125"/>
      <c r="B125" s="125"/>
      <c r="C125" s="608"/>
      <c r="D125" s="607"/>
      <c r="E125" s="607"/>
      <c r="F125" s="607"/>
      <c r="G125" s="607"/>
      <c r="H125" s="607"/>
      <c r="I125" s="607"/>
      <c r="J125" s="607"/>
      <c r="K125" s="607"/>
      <c r="L125" s="607"/>
      <c r="M125" s="607"/>
      <c r="N125" s="607"/>
      <c r="O125" s="607"/>
      <c r="P125" s="607"/>
      <c r="Q125" s="607"/>
      <c r="R125" s="607"/>
      <c r="S125" s="695"/>
      <c r="T125" s="695"/>
      <c r="U125" s="695"/>
      <c r="V125" s="695"/>
      <c r="W125" s="695"/>
      <c r="X125" s="742"/>
      <c r="Y125" s="742"/>
      <c r="Z125" s="742"/>
      <c r="AA125" s="742"/>
      <c r="AB125" s="685">
        <f t="shared" si="1"/>
        <v>0</v>
      </c>
      <c r="AC125" s="686"/>
      <c r="AD125" s="687"/>
      <c r="AE125" s="423"/>
      <c r="AF125" s="125"/>
    </row>
    <row r="126" spans="1:34" ht="32.65" hidden="1" customHeight="1" outlineLevel="1" thickBot="1">
      <c r="A126" s="125"/>
      <c r="B126" s="125"/>
      <c r="C126" s="746"/>
      <c r="D126" s="694"/>
      <c r="E126" s="694"/>
      <c r="F126" s="694"/>
      <c r="G126" s="694"/>
      <c r="H126" s="694"/>
      <c r="I126" s="694"/>
      <c r="J126" s="694"/>
      <c r="K126" s="694"/>
      <c r="L126" s="694"/>
      <c r="M126" s="694"/>
      <c r="N126" s="694"/>
      <c r="O126" s="694"/>
      <c r="P126" s="694"/>
      <c r="Q126" s="694"/>
      <c r="R126" s="694"/>
      <c r="S126" s="700"/>
      <c r="T126" s="700"/>
      <c r="U126" s="700"/>
      <c r="V126" s="700"/>
      <c r="W126" s="700"/>
      <c r="X126" s="743"/>
      <c r="Y126" s="743"/>
      <c r="Z126" s="743"/>
      <c r="AA126" s="743"/>
      <c r="AB126" s="688">
        <f t="shared" si="1"/>
        <v>0</v>
      </c>
      <c r="AC126" s="689"/>
      <c r="AD126" s="690"/>
      <c r="AE126" s="424"/>
      <c r="AF126" s="125"/>
    </row>
    <row r="127" spans="1:34" ht="32.65" customHeight="1" collapsed="1" thickBot="1">
      <c r="A127" s="125"/>
      <c r="B127" s="125"/>
      <c r="C127" s="139"/>
      <c r="D127" s="139"/>
      <c r="E127" s="139"/>
      <c r="F127" s="139"/>
      <c r="G127" s="139"/>
      <c r="H127" s="139"/>
      <c r="I127" s="139"/>
      <c r="J127" s="139"/>
      <c r="K127" s="139"/>
      <c r="L127" s="139"/>
      <c r="M127" s="139"/>
      <c r="N127" s="139"/>
      <c r="O127" s="139"/>
      <c r="P127" s="139"/>
      <c r="Q127" s="139"/>
      <c r="R127" s="139"/>
      <c r="S127" s="139"/>
      <c r="T127" s="139"/>
      <c r="U127" s="139"/>
      <c r="V127" s="139"/>
      <c r="X127" s="139"/>
      <c r="Y127" s="139"/>
      <c r="Z127" s="140"/>
      <c r="AA127" s="143" t="s">
        <v>202</v>
      </c>
      <c r="AB127" s="682">
        <f>SUM(AB117:AD126)</f>
        <v>0</v>
      </c>
      <c r="AC127" s="683"/>
      <c r="AD127" s="684"/>
      <c r="AE127" s="375"/>
      <c r="AF127" s="125"/>
    </row>
    <row r="128" spans="1:34" ht="15" customHeight="1">
      <c r="A128" s="125"/>
      <c r="B128" s="125"/>
      <c r="C128" s="139"/>
      <c r="D128" s="139"/>
      <c r="E128" s="139"/>
      <c r="F128" s="139"/>
      <c r="G128" s="139"/>
      <c r="H128" s="139"/>
      <c r="I128" s="139"/>
      <c r="J128" s="139"/>
      <c r="K128" s="139"/>
      <c r="L128" s="139"/>
      <c r="M128" s="139"/>
      <c r="N128" s="139"/>
      <c r="O128" s="139"/>
      <c r="P128" s="139"/>
      <c r="Q128" s="139"/>
      <c r="R128" s="139"/>
      <c r="S128" s="139"/>
      <c r="T128" s="139"/>
      <c r="U128" s="139"/>
      <c r="V128" s="139"/>
      <c r="X128" s="139"/>
      <c r="Y128" s="139"/>
      <c r="Z128" s="140"/>
      <c r="AB128" s="144"/>
      <c r="AC128" s="144"/>
      <c r="AD128" s="144"/>
      <c r="AE128" s="145"/>
      <c r="AF128" s="125"/>
    </row>
    <row r="129" spans="1:32" ht="36.75" customHeight="1" thickBot="1">
      <c r="A129" s="125"/>
      <c r="B129" s="125"/>
      <c r="C129" s="617" t="s">
        <v>411</v>
      </c>
      <c r="D129" s="617"/>
      <c r="E129" s="617"/>
      <c r="F129" s="617"/>
      <c r="G129" s="617"/>
      <c r="H129" s="617"/>
      <c r="I129" s="617"/>
      <c r="J129" s="617"/>
      <c r="K129" s="617"/>
      <c r="L129" s="617"/>
      <c r="M129" s="617"/>
      <c r="N129" s="617"/>
      <c r="O129" s="617"/>
      <c r="P129" s="617"/>
      <c r="Q129" s="617"/>
      <c r="R129" s="617"/>
      <c r="S129" s="617"/>
      <c r="T129" s="617"/>
      <c r="U129" s="617"/>
      <c r="V129" s="617"/>
      <c r="W129" s="617"/>
      <c r="X129" s="617"/>
      <c r="Y129" s="617"/>
      <c r="Z129" s="617"/>
      <c r="AA129" s="617"/>
      <c r="AB129" s="617"/>
      <c r="AC129" s="617"/>
      <c r="AD129" s="617"/>
      <c r="AE129" s="617"/>
      <c r="AF129" s="125"/>
    </row>
    <row r="130" spans="1:32" ht="120" customHeight="1" thickBot="1">
      <c r="A130" s="125"/>
      <c r="B130" s="125"/>
      <c r="C130" s="637"/>
      <c r="D130" s="638"/>
      <c r="E130" s="638"/>
      <c r="F130" s="638"/>
      <c r="G130" s="638"/>
      <c r="H130" s="638"/>
      <c r="I130" s="638"/>
      <c r="J130" s="638"/>
      <c r="K130" s="638"/>
      <c r="L130" s="638"/>
      <c r="M130" s="638"/>
      <c r="N130" s="638"/>
      <c r="O130" s="638"/>
      <c r="P130" s="638"/>
      <c r="Q130" s="638"/>
      <c r="R130" s="638"/>
      <c r="S130" s="638"/>
      <c r="T130" s="638"/>
      <c r="U130" s="638"/>
      <c r="V130" s="638"/>
      <c r="W130" s="638"/>
      <c r="X130" s="638"/>
      <c r="Y130" s="638"/>
      <c r="Z130" s="638"/>
      <c r="AA130" s="638"/>
      <c r="AB130" s="638"/>
      <c r="AC130" s="638"/>
      <c r="AD130" s="638"/>
      <c r="AE130" s="639"/>
      <c r="AF130" s="125"/>
    </row>
    <row r="131" spans="1:32" ht="15" customHeight="1">
      <c r="A131" s="125"/>
      <c r="B131" s="125"/>
      <c r="C131" s="125"/>
      <c r="D131" s="125"/>
      <c r="E131" s="125"/>
      <c r="F131" s="125"/>
      <c r="G131" s="125"/>
      <c r="H131" s="125"/>
      <c r="I131" s="125"/>
      <c r="J131" s="125"/>
      <c r="K131" s="125"/>
      <c r="L131" s="125"/>
      <c r="M131" s="125"/>
      <c r="N131" s="125"/>
      <c r="O131" s="125"/>
      <c r="P131" s="125"/>
      <c r="Q131" s="125"/>
      <c r="R131" s="125"/>
      <c r="S131" s="125"/>
      <c r="T131" s="125"/>
      <c r="U131" s="125"/>
      <c r="V131" s="125"/>
      <c r="W131" s="125"/>
      <c r="X131" s="125"/>
      <c r="Y131" s="125"/>
      <c r="Z131" s="125"/>
      <c r="AA131" s="125"/>
      <c r="AB131" s="125"/>
      <c r="AC131" s="125"/>
      <c r="AD131" s="125"/>
      <c r="AE131" s="125"/>
      <c r="AF131" s="125"/>
    </row>
  </sheetData>
  <sheetProtection sheet="1" objects="1" scenarios="1"/>
  <customSheetViews>
    <customSheetView guid="{75F8A93C-F5BA-4FE5-85C6-88804E4D71E6}" showPageBreaks="1" fitToPage="1" printArea="1" view="pageBreakPreview" topLeftCell="A40">
      <selection activeCell="C42" sqref="C42:G44"/>
      <rowBreaks count="4" manualBreakCount="4">
        <brk id="28" max="31" man="1"/>
        <brk id="73" max="31" man="1"/>
        <brk id="100" max="31" man="1"/>
        <brk id="114" max="31" man="1"/>
      </rowBreaks>
      <pageMargins left="0.70866141732283472" right="0.70866141732283472" top="0.74803149606299213" bottom="0.74803149606299213" header="0.31496062992125984" footer="0.31496062992125984"/>
      <pageSetup paperSize="9" scale="79" fitToHeight="0" orientation="portrait" r:id="rId1"/>
    </customSheetView>
  </customSheetViews>
  <mergeCells count="293">
    <mergeCell ref="I35:AE35"/>
    <mergeCell ref="C58:AE58"/>
    <mergeCell ref="C69:AE69"/>
    <mergeCell ref="C68:AE68"/>
    <mergeCell ref="C86:H86"/>
    <mergeCell ref="C87:H87"/>
    <mergeCell ref="C88:H88"/>
    <mergeCell ref="C89:H89"/>
    <mergeCell ref="C90:H90"/>
    <mergeCell ref="I79:P79"/>
    <mergeCell ref="I80:P80"/>
    <mergeCell ref="I81:P81"/>
    <mergeCell ref="I82:P82"/>
    <mergeCell ref="I83:P83"/>
    <mergeCell ref="I85:P85"/>
    <mergeCell ref="I86:P86"/>
    <mergeCell ref="I87:P87"/>
    <mergeCell ref="I88:P88"/>
    <mergeCell ref="I89:P89"/>
    <mergeCell ref="I90:P90"/>
    <mergeCell ref="AB86:AD86"/>
    <mergeCell ref="Y83:AA83"/>
    <mergeCell ref="Y84:AA84"/>
    <mergeCell ref="Y85:AA85"/>
    <mergeCell ref="Y86:AA86"/>
    <mergeCell ref="C49:F49"/>
    <mergeCell ref="C50:F50"/>
    <mergeCell ref="C51:F51"/>
    <mergeCell ref="C52:F52"/>
    <mergeCell ref="C66:F66"/>
    <mergeCell ref="H66:AE66"/>
    <mergeCell ref="C54:F54"/>
    <mergeCell ref="C55:F55"/>
    <mergeCell ref="G55:J55"/>
    <mergeCell ref="AB50:AD50"/>
    <mergeCell ref="Q51:T51"/>
    <mergeCell ref="U51:W51"/>
    <mergeCell ref="AB54:AD54"/>
    <mergeCell ref="K55:P55"/>
    <mergeCell ref="Q79:X79"/>
    <mergeCell ref="AB53:AD53"/>
    <mergeCell ref="C83:H83"/>
    <mergeCell ref="C84:H84"/>
    <mergeCell ref="C85:H85"/>
    <mergeCell ref="G46:J46"/>
    <mergeCell ref="G47:J47"/>
    <mergeCell ref="G48:J48"/>
    <mergeCell ref="G49:J49"/>
    <mergeCell ref="G50:J50"/>
    <mergeCell ref="G51:J51"/>
    <mergeCell ref="G52:J52"/>
    <mergeCell ref="G53:J53"/>
    <mergeCell ref="G54:J54"/>
    <mergeCell ref="K46:P46"/>
    <mergeCell ref="K47:P47"/>
    <mergeCell ref="K48:P48"/>
    <mergeCell ref="K49:P49"/>
    <mergeCell ref="K50:P50"/>
    <mergeCell ref="K51:P51"/>
    <mergeCell ref="K52:P52"/>
    <mergeCell ref="K53:P53"/>
    <mergeCell ref="K54:P54"/>
    <mergeCell ref="S120:W120"/>
    <mergeCell ref="X120:AA120"/>
    <mergeCell ref="Q84:X84"/>
    <mergeCell ref="Q85:X85"/>
    <mergeCell ref="Q86:X86"/>
    <mergeCell ref="C75:AD75"/>
    <mergeCell ref="C67:F67"/>
    <mergeCell ref="H67:AE67"/>
    <mergeCell ref="C96:AE96"/>
    <mergeCell ref="G72:AE72"/>
    <mergeCell ref="H73:AE73"/>
    <mergeCell ref="H74:AE74"/>
    <mergeCell ref="C115:AD115"/>
    <mergeCell ref="AB79:AD79"/>
    <mergeCell ref="Y79:AA79"/>
    <mergeCell ref="AB80:AD80"/>
    <mergeCell ref="AB81:AD81"/>
    <mergeCell ref="AB82:AD82"/>
    <mergeCell ref="Y80:AA80"/>
    <mergeCell ref="Y81:AA81"/>
    <mergeCell ref="Y82:AA82"/>
    <mergeCell ref="C79:H79"/>
    <mergeCell ref="C80:H80"/>
    <mergeCell ref="C81:H81"/>
    <mergeCell ref="AB46:AD46"/>
    <mergeCell ref="Q46:T46"/>
    <mergeCell ref="U46:W46"/>
    <mergeCell ref="X46:AA46"/>
    <mergeCell ref="X47:AA47"/>
    <mergeCell ref="X48:AA48"/>
    <mergeCell ref="X49:AA49"/>
    <mergeCell ref="X55:AA55"/>
    <mergeCell ref="Q47:T47"/>
    <mergeCell ref="U47:W47"/>
    <mergeCell ref="Q52:T52"/>
    <mergeCell ref="U52:W52"/>
    <mergeCell ref="X52:AA52"/>
    <mergeCell ref="Q53:T53"/>
    <mergeCell ref="U53:W53"/>
    <mergeCell ref="X53:AA53"/>
    <mergeCell ref="U48:W48"/>
    <mergeCell ref="AB51:AD51"/>
    <mergeCell ref="U49:W49"/>
    <mergeCell ref="U55:W55"/>
    <mergeCell ref="AB52:AD52"/>
    <mergeCell ref="Q50:T50"/>
    <mergeCell ref="U50:W50"/>
    <mergeCell ref="X50:AA50"/>
    <mergeCell ref="C130:AE130"/>
    <mergeCell ref="C129:AE129"/>
    <mergeCell ref="X116:AA116"/>
    <mergeCell ref="X117:AA117"/>
    <mergeCell ref="X118:AA118"/>
    <mergeCell ref="X119:AA119"/>
    <mergeCell ref="X125:AA125"/>
    <mergeCell ref="X126:AA126"/>
    <mergeCell ref="S121:W121"/>
    <mergeCell ref="X121:AA121"/>
    <mergeCell ref="S122:W122"/>
    <mergeCell ref="X122:AA122"/>
    <mergeCell ref="C121:G121"/>
    <mergeCell ref="H121:M121"/>
    <mergeCell ref="N121:R121"/>
    <mergeCell ref="C122:G122"/>
    <mergeCell ref="H122:M122"/>
    <mergeCell ref="N122:R122"/>
    <mergeCell ref="S123:W123"/>
    <mergeCell ref="X123:AA123"/>
    <mergeCell ref="S124:W124"/>
    <mergeCell ref="X124:AA124"/>
    <mergeCell ref="C126:G126"/>
    <mergeCell ref="H126:M126"/>
    <mergeCell ref="C43:G43"/>
    <mergeCell ref="C108:H108"/>
    <mergeCell ref="C60:G60"/>
    <mergeCell ref="C61:G61"/>
    <mergeCell ref="Q48:T48"/>
    <mergeCell ref="Q49:T49"/>
    <mergeCell ref="Q55:T55"/>
    <mergeCell ref="Q56:T56"/>
    <mergeCell ref="Q89:X89"/>
    <mergeCell ref="Q90:X90"/>
    <mergeCell ref="C99:AD99"/>
    <mergeCell ref="C102:AD102"/>
    <mergeCell ref="I108:O108"/>
    <mergeCell ref="R108:X108"/>
    <mergeCell ref="Y108:AC108"/>
    <mergeCell ref="R107:AC107"/>
    <mergeCell ref="C94:AE94"/>
    <mergeCell ref="C93:AE93"/>
    <mergeCell ref="C95:AE95"/>
    <mergeCell ref="C46:F46"/>
    <mergeCell ref="Q82:X82"/>
    <mergeCell ref="C48:F48"/>
    <mergeCell ref="X51:AA51"/>
    <mergeCell ref="C53:F53"/>
    <mergeCell ref="W3:AE3"/>
    <mergeCell ref="W4:AE4"/>
    <mergeCell ref="W5:AE5"/>
    <mergeCell ref="W6:AE6"/>
    <mergeCell ref="Q3:V3"/>
    <mergeCell ref="Q4:V4"/>
    <mergeCell ref="Q5:V5"/>
    <mergeCell ref="Q6:V6"/>
    <mergeCell ref="C27:G27"/>
    <mergeCell ref="C19:AC19"/>
    <mergeCell ref="C23:AE23"/>
    <mergeCell ref="H26:AE26"/>
    <mergeCell ref="I27:AE27"/>
    <mergeCell ref="C25:AC25"/>
    <mergeCell ref="C26:G26"/>
    <mergeCell ref="C8:AE8"/>
    <mergeCell ref="C38:G38"/>
    <mergeCell ref="C11:AC11"/>
    <mergeCell ref="C12:G12"/>
    <mergeCell ref="C13:G13"/>
    <mergeCell ref="C14:G14"/>
    <mergeCell ref="C15:G15"/>
    <mergeCell ref="C20:G20"/>
    <mergeCell ref="C21:G21"/>
    <mergeCell ref="C22:G22"/>
    <mergeCell ref="C16:G16"/>
    <mergeCell ref="C35:G35"/>
    <mergeCell ref="C34:G34"/>
    <mergeCell ref="H12:AE12"/>
    <mergeCell ref="I13:AE13"/>
    <mergeCell ref="I14:AE14"/>
    <mergeCell ref="I15:AE15"/>
    <mergeCell ref="I16:AE16"/>
    <mergeCell ref="C17:AE17"/>
    <mergeCell ref="H20:AE20"/>
    <mergeCell ref="I21:AE21"/>
    <mergeCell ref="I22:AE22"/>
    <mergeCell ref="I28:AE28"/>
    <mergeCell ref="C29:AE29"/>
    <mergeCell ref="C30:AE30"/>
    <mergeCell ref="N126:R126"/>
    <mergeCell ref="C118:G118"/>
    <mergeCell ref="S125:W125"/>
    <mergeCell ref="C125:G125"/>
    <mergeCell ref="H125:M125"/>
    <mergeCell ref="N125:R125"/>
    <mergeCell ref="Q87:X87"/>
    <mergeCell ref="Q88:X88"/>
    <mergeCell ref="C107:O107"/>
    <mergeCell ref="S116:W116"/>
    <mergeCell ref="S117:W117"/>
    <mergeCell ref="S118:W118"/>
    <mergeCell ref="S119:W119"/>
    <mergeCell ref="H118:M118"/>
    <mergeCell ref="N118:R118"/>
    <mergeCell ref="C119:G119"/>
    <mergeCell ref="H119:M119"/>
    <mergeCell ref="N119:R119"/>
    <mergeCell ref="C120:G120"/>
    <mergeCell ref="S126:W126"/>
    <mergeCell ref="C111:AE111"/>
    <mergeCell ref="H120:M120"/>
    <mergeCell ref="N120:R120"/>
    <mergeCell ref="C123:G123"/>
    <mergeCell ref="AB127:AD127"/>
    <mergeCell ref="AB117:AD117"/>
    <mergeCell ref="AB118:AD118"/>
    <mergeCell ref="AB119:AD119"/>
    <mergeCell ref="AB120:AD120"/>
    <mergeCell ref="AB121:AD121"/>
    <mergeCell ref="AB122:AD122"/>
    <mergeCell ref="AB123:AD123"/>
    <mergeCell ref="AB124:AD124"/>
    <mergeCell ref="AB125:AD125"/>
    <mergeCell ref="AB126:AD126"/>
    <mergeCell ref="Q54:T54"/>
    <mergeCell ref="U54:W54"/>
    <mergeCell ref="X54:AA54"/>
    <mergeCell ref="AB55:AD55"/>
    <mergeCell ref="AB57:AD57"/>
    <mergeCell ref="AB56:AD56"/>
    <mergeCell ref="U56:W56"/>
    <mergeCell ref="K56:P56"/>
    <mergeCell ref="C76:AD76"/>
    <mergeCell ref="X56:AA56"/>
    <mergeCell ref="C56:F56"/>
    <mergeCell ref="G56:J56"/>
    <mergeCell ref="C117:G117"/>
    <mergeCell ref="H117:M117"/>
    <mergeCell ref="N117:R117"/>
    <mergeCell ref="AB116:AD116"/>
    <mergeCell ref="N116:R116"/>
    <mergeCell ref="G64:AE64"/>
    <mergeCell ref="H65:AE65"/>
    <mergeCell ref="C63:AE63"/>
    <mergeCell ref="C100:AE100"/>
    <mergeCell ref="C103:AE103"/>
    <mergeCell ref="C110:AE110"/>
    <mergeCell ref="C64:F64"/>
    <mergeCell ref="C65:F65"/>
    <mergeCell ref="C82:H82"/>
    <mergeCell ref="C72:F72"/>
    <mergeCell ref="Q80:X80"/>
    <mergeCell ref="Q81:X81"/>
    <mergeCell ref="C73:F73"/>
    <mergeCell ref="C74:F74"/>
    <mergeCell ref="AB83:AD83"/>
    <mergeCell ref="I84:P84"/>
    <mergeCell ref="Q83:X83"/>
    <mergeCell ref="AB84:AD84"/>
    <mergeCell ref="AB85:AD85"/>
    <mergeCell ref="H123:M123"/>
    <mergeCell ref="N123:R123"/>
    <mergeCell ref="C124:G124"/>
    <mergeCell ref="H124:M124"/>
    <mergeCell ref="N124:R124"/>
    <mergeCell ref="C28:G28"/>
    <mergeCell ref="C39:G39"/>
    <mergeCell ref="C47:F47"/>
    <mergeCell ref="C45:AE45"/>
    <mergeCell ref="C41:AE41"/>
    <mergeCell ref="C106:AE106"/>
    <mergeCell ref="C116:G116"/>
    <mergeCell ref="H116:M116"/>
    <mergeCell ref="AB87:AD87"/>
    <mergeCell ref="AB88:AD88"/>
    <mergeCell ref="AB89:AD89"/>
    <mergeCell ref="AB90:AD90"/>
    <mergeCell ref="Y87:AA87"/>
    <mergeCell ref="Y88:AA88"/>
    <mergeCell ref="Y89:AA89"/>
    <mergeCell ref="Y90:AA90"/>
    <mergeCell ref="AB48:AD48"/>
    <mergeCell ref="AB49:AD49"/>
    <mergeCell ref="AB47:AD47"/>
  </mergeCells>
  <phoneticPr fontId="2"/>
  <conditionalFormatting sqref="C17">
    <cfRule type="expression" dxfId="24" priority="28">
      <formula>$C$16="〇"</formula>
    </cfRule>
    <cfRule type="expression" dxfId="23" priority="29">
      <formula>$C$15="〇"</formula>
    </cfRule>
    <cfRule type="expression" dxfId="22" priority="30">
      <formula>$C$14="〇"</formula>
    </cfRule>
  </conditionalFormatting>
  <conditionalFormatting sqref="C23">
    <cfRule type="expression" dxfId="21" priority="27">
      <formula>$C$22="〇"</formula>
    </cfRule>
  </conditionalFormatting>
  <conditionalFormatting sqref="C29">
    <cfRule type="expression" dxfId="20" priority="26">
      <formula>$C$28="〇"</formula>
    </cfRule>
  </conditionalFormatting>
  <conditionalFormatting sqref="C68">
    <cfRule type="expression" dxfId="19" priority="24">
      <formula>$C$67="〇"</formula>
    </cfRule>
  </conditionalFormatting>
  <conditionalFormatting sqref="C76:AD76">
    <cfRule type="expression" dxfId="18" priority="23">
      <formula>$C$74="〇"</formula>
    </cfRule>
  </conditionalFormatting>
  <conditionalFormatting sqref="C27:G28 C35:G35 C39:G39 C43:G43 AB57:AD57 C61:G61 C94 C100 C103 C108:H108 R108:X108 C111:AE111 C130:AE130 C13:G16 AE127 AB127 C65:H65 C67:H67 C73:H74 C117:C126 H117:H126 N117:N126 C48:C56 G47:G56 K47:K56 C66:G66 AB80:AB90 Y80:Y90 Q80:Q90 C80:C90 Q47:AD56 S117:AB126">
    <cfRule type="expression" dxfId="17" priority="22">
      <formula>$C$22="〇"</formula>
    </cfRule>
  </conditionalFormatting>
  <conditionalFormatting sqref="C13:G16 C21:G22 C27:G28 C35:G35 C39:G39 C43:G43 AB57:AD57 C61:G61 C73:F74 C94 C100 C103 C108:H108 R108:X108 C111:AE111 C130:AE130 AE127 AB127 C117:C126 H117:H126 N117:N126 C48:C56 G47:G56 K47:K56 AB80:AB90 Y80:Y90 Q80:Q90 C80:C90 Q47:AD56 S117:AB126">
    <cfRule type="expression" dxfId="16" priority="21">
      <formula>$C$67="〇"</formula>
    </cfRule>
  </conditionalFormatting>
  <conditionalFormatting sqref="C13:G16 C21:G22 C27:G28 C35:G35 C39:G39 C43:G43 AB57:AD57 C61:G61 C94 C100 C103 C108:H108 R108:X108 C111:AE111 C130:AE130 AE127 AB127 C117:C126 H117:H126 N117:N126 C48:C56 G47:G56 K47:K56 C65:F67 AB80:AB90 Y80:Y90 Q80:Q90 C80:C90 Q47:AD56 S117:AB126">
    <cfRule type="expression" dxfId="15" priority="20">
      <formula>$C$74="〇"</formula>
    </cfRule>
  </conditionalFormatting>
  <conditionalFormatting sqref="H66">
    <cfRule type="expression" dxfId="14" priority="13">
      <formula>$C$22="〇"</formula>
    </cfRule>
  </conditionalFormatting>
  <conditionalFormatting sqref="AE117:AE126">
    <cfRule type="expression" dxfId="13" priority="12">
      <formula>$C$22="〇"</formula>
    </cfRule>
  </conditionalFormatting>
  <conditionalFormatting sqref="AE117:AE126">
    <cfRule type="expression" dxfId="12" priority="11">
      <formula>$C$67="〇"</formula>
    </cfRule>
  </conditionalFormatting>
  <conditionalFormatting sqref="AE117:AE126">
    <cfRule type="expression" dxfId="11" priority="10">
      <formula>$C$74="〇"</formula>
    </cfRule>
  </conditionalFormatting>
  <conditionalFormatting sqref="AE80:AE90">
    <cfRule type="expression" dxfId="10" priority="9">
      <formula>$C$22="〇"</formula>
    </cfRule>
  </conditionalFormatting>
  <conditionalFormatting sqref="AE80:AE90">
    <cfRule type="expression" dxfId="9" priority="8">
      <formula>$C$67="〇"</formula>
    </cfRule>
  </conditionalFormatting>
  <conditionalFormatting sqref="AE80:AE90">
    <cfRule type="expression" dxfId="8" priority="7">
      <formula>$C$74="〇"</formula>
    </cfRule>
  </conditionalFormatting>
  <conditionalFormatting sqref="AE47:AE56">
    <cfRule type="expression" dxfId="7" priority="6">
      <formula>$C$22="〇"</formula>
    </cfRule>
  </conditionalFormatting>
  <conditionalFormatting sqref="AE47:AE56">
    <cfRule type="expression" dxfId="6" priority="5">
      <formula>$C$67="〇"</formula>
    </cfRule>
  </conditionalFormatting>
  <conditionalFormatting sqref="AE47:AE56">
    <cfRule type="expression" dxfId="5" priority="4">
      <formula>$C$74="〇"</formula>
    </cfRule>
  </conditionalFormatting>
  <conditionalFormatting sqref="I35:AE35">
    <cfRule type="expression" dxfId="4" priority="3">
      <formula>$C$35=$AG$35</formula>
    </cfRule>
  </conditionalFormatting>
  <conditionalFormatting sqref="C58:AE58">
    <cfRule type="expression" dxfId="3" priority="2">
      <formula>$C$47="検査機器(等温遺伝子増幅装置)"</formula>
    </cfRule>
  </conditionalFormatting>
  <conditionalFormatting sqref="C69:AE69">
    <cfRule type="expression" dxfId="2" priority="1">
      <formula>$C$66="〇"</formula>
    </cfRule>
  </conditionalFormatting>
  <dataValidations count="8">
    <dataValidation type="list" allowBlank="1" showInputMessage="1" showErrorMessage="1" sqref="C73:F73 C21:G21 C13:C16 D13:G13 D16:G16 C27:G27 C65:F66">
      <formula1>"〇"</formula1>
    </dataValidation>
    <dataValidation type="list" allowBlank="1" showInputMessage="1" showErrorMessage="1" promptTitle="注意" prompt="申請機器によっては、財産処分制限期間の残存年数に応じた補助額の返還が必要になります。" sqref="C28:G28">
      <formula1>"〇"</formula1>
    </dataValidation>
    <dataValidation type="list" allowBlank="1" showInputMessage="1" showErrorMessage="1" promptTitle="注意" prompt="競争的手続き（相見積りや入札など）を行わない場合、補助対象外となります。" sqref="C22:G22">
      <formula1>"〇"</formula1>
    </dataValidation>
    <dataValidation type="list" allowBlank="1" showInputMessage="1" showErrorMessage="1" promptTitle="注意" prompt="その他検査法を選択した場合は補助対象外となります。" sqref="C67:F67">
      <formula1>"〇"</formula1>
    </dataValidation>
    <dataValidation type="list" allowBlank="1" showInputMessage="1" showErrorMessage="1" promptTitle="注意" prompt="複数の検査キットに対応できない検査装置は、補助対象外となります。" sqref="C74:F74">
      <formula1>"〇"</formula1>
    </dataValidation>
    <dataValidation type="list" allowBlank="1" showInputMessage="1" showErrorMessage="1" sqref="C35:G35">
      <formula1>$AG$33:$AG$35</formula1>
    </dataValidation>
    <dataValidation type="list" allowBlank="1" showInputMessage="1" showErrorMessage="1" sqref="C52:F56 C85:C90">
      <formula1>"検査機器（PCR検査装置）,検査装置（等温遺伝子増幅装置）"</formula1>
    </dataValidation>
    <dataValidation type="list" allowBlank="1" showInputMessage="1" showErrorMessage="1" sqref="C47:F51 C80:H84">
      <formula1>"検査機器（PCR検査装置）,検査機器（等温遺伝子増幅装置）"</formula1>
    </dataValidation>
  </dataValidations>
  <printOptions horizontalCentered="1"/>
  <pageMargins left="0.70866141732283472" right="0.70866141732283472" top="0.74803149606299213" bottom="0.74803149606299213" header="0.31496062992125984" footer="0.31496062992125984"/>
  <pageSetup paperSize="9" scale="67" fitToHeight="3" orientation="portrait" r:id="rId2"/>
  <rowBreaks count="3" manualBreakCount="3">
    <brk id="44" max="31" man="1"/>
    <brk id="91" max="31" man="1"/>
    <brk id="113" max="31"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AE112"/>
  <sheetViews>
    <sheetView showZeros="0" view="pageBreakPreview" zoomScaleNormal="100" zoomScaleSheetLayoutView="100" workbookViewId="0">
      <selection activeCell="B36" sqref="B36"/>
    </sheetView>
  </sheetViews>
  <sheetFormatPr defaultColWidth="9" defaultRowHeight="14.25" outlineLevelRow="1"/>
  <cols>
    <col min="1" max="1" width="5.75" style="67" customWidth="1"/>
    <col min="2" max="2" width="18.125" style="67" customWidth="1"/>
    <col min="3" max="3" width="12.25" style="67" customWidth="1"/>
    <col min="4" max="4" width="12.125" style="67" customWidth="1"/>
    <col min="5" max="5" width="10.75" style="67" customWidth="1"/>
    <col min="6" max="6" width="17.125" style="67" customWidth="1"/>
    <col min="7" max="8" width="17" style="67" customWidth="1"/>
    <col min="9" max="9" width="3.25" style="67" customWidth="1"/>
    <col min="10" max="10" width="20.75" style="67" customWidth="1"/>
    <col min="11" max="11" width="22.75" style="67" customWidth="1"/>
    <col min="12" max="16384" width="9" style="67"/>
  </cols>
  <sheetData>
    <row r="1" spans="1:31" ht="32.65" customHeight="1">
      <c r="A1" s="386" t="s">
        <v>204</v>
      </c>
      <c r="B1" s="378"/>
      <c r="C1" s="386"/>
      <c r="D1" s="386"/>
      <c r="E1" s="386"/>
      <c r="F1" s="386"/>
      <c r="G1" s="386"/>
      <c r="H1" s="386"/>
      <c r="I1" s="387"/>
    </row>
    <row r="2" spans="1:31" ht="15" thickBot="1">
      <c r="A2" s="68"/>
      <c r="B2" s="68"/>
      <c r="C2" s="68"/>
      <c r="D2" s="68"/>
      <c r="E2" s="68"/>
      <c r="F2" s="68"/>
      <c r="G2" s="68"/>
      <c r="H2" s="68"/>
      <c r="I2" s="68"/>
    </row>
    <row r="3" spans="1:31" ht="28.15" customHeight="1" thickBot="1">
      <c r="A3" s="68"/>
      <c r="B3" s="68"/>
      <c r="C3" s="68"/>
      <c r="D3" s="68"/>
      <c r="F3" s="171" t="s">
        <v>49</v>
      </c>
      <c r="G3" s="596">
        <f>基礎情報!$D$9</f>
        <v>0</v>
      </c>
      <c r="H3" s="597"/>
      <c r="I3" s="68"/>
    </row>
    <row r="4" spans="1:31" ht="28.15" customHeight="1" thickBot="1">
      <c r="A4" s="68"/>
      <c r="B4" s="68"/>
      <c r="C4" s="68"/>
      <c r="D4" s="68"/>
      <c r="F4" s="171" t="s">
        <v>168</v>
      </c>
      <c r="G4" s="598">
        <f>基礎情報!$D$6</f>
        <v>0</v>
      </c>
      <c r="H4" s="598"/>
      <c r="I4" s="68"/>
    </row>
    <row r="5" spans="1:31" ht="28.15" customHeight="1" thickBot="1">
      <c r="A5" s="68"/>
      <c r="B5" s="68"/>
      <c r="C5" s="68"/>
      <c r="D5" s="68"/>
      <c r="F5" s="171" t="s">
        <v>197</v>
      </c>
      <c r="G5" s="598">
        <f>基礎情報!$D$19</f>
        <v>0</v>
      </c>
      <c r="H5" s="598"/>
      <c r="I5" s="68"/>
    </row>
    <row r="6" spans="1:31" ht="28.15" customHeight="1" thickBot="1">
      <c r="A6" s="68"/>
      <c r="B6" s="68"/>
      <c r="C6" s="68"/>
      <c r="D6" s="68"/>
      <c r="F6" s="172" t="s">
        <v>50</v>
      </c>
      <c r="G6" s="599">
        <f>基礎情報!$D$20</f>
        <v>0</v>
      </c>
      <c r="H6" s="600"/>
      <c r="I6" s="68"/>
    </row>
    <row r="7" spans="1:31" ht="15" customHeight="1">
      <c r="A7" s="68"/>
      <c r="B7" s="68"/>
      <c r="C7" s="68"/>
      <c r="D7" s="68"/>
      <c r="E7" s="71"/>
      <c r="F7" s="72"/>
      <c r="G7" s="72"/>
      <c r="H7" s="72"/>
      <c r="I7" s="68"/>
    </row>
    <row r="8" spans="1:31" ht="46.5" customHeight="1">
      <c r="A8" s="68"/>
      <c r="B8" s="590" t="s">
        <v>229</v>
      </c>
      <c r="C8" s="590"/>
      <c r="D8" s="590"/>
      <c r="E8" s="590"/>
      <c r="F8" s="590"/>
      <c r="G8" s="590"/>
      <c r="H8" s="590"/>
      <c r="I8" s="68"/>
    </row>
    <row r="9" spans="1:31" ht="15" customHeight="1">
      <c r="A9" s="68"/>
      <c r="B9" s="208"/>
      <c r="C9" s="208"/>
      <c r="D9" s="216"/>
      <c r="E9" s="216"/>
      <c r="F9" s="216"/>
      <c r="G9" s="216"/>
      <c r="H9" s="335"/>
      <c r="I9" s="68"/>
    </row>
    <row r="10" spans="1:31" ht="24" customHeight="1">
      <c r="A10" s="113" t="s">
        <v>91</v>
      </c>
      <c r="B10" s="110"/>
      <c r="C10" s="114"/>
      <c r="D10" s="115"/>
      <c r="E10" s="115"/>
      <c r="F10" s="115"/>
      <c r="G10" s="115"/>
      <c r="H10" s="115"/>
      <c r="I10" s="115"/>
      <c r="J10" s="74"/>
      <c r="K10" s="74"/>
      <c r="L10" s="74"/>
      <c r="M10" s="74"/>
      <c r="N10" s="74"/>
      <c r="O10" s="74"/>
      <c r="P10" s="74"/>
      <c r="Q10" s="74"/>
      <c r="R10" s="74"/>
      <c r="S10" s="74"/>
      <c r="T10" s="74"/>
      <c r="U10" s="74"/>
      <c r="V10" s="74"/>
      <c r="W10" s="74"/>
      <c r="X10" s="74"/>
      <c r="Y10" s="74"/>
      <c r="Z10" s="74"/>
      <c r="AA10" s="74"/>
      <c r="AB10" s="74"/>
      <c r="AC10" s="74"/>
      <c r="AD10" s="74"/>
      <c r="AE10" s="74"/>
    </row>
    <row r="11" spans="1:31" s="79" customFormat="1" ht="24" customHeight="1" thickBot="1">
      <c r="A11" s="75"/>
      <c r="B11" s="583" t="s">
        <v>92</v>
      </c>
      <c r="C11" s="583"/>
      <c r="D11" s="583"/>
      <c r="E11" s="583"/>
      <c r="F11" s="583"/>
      <c r="G11" s="583"/>
      <c r="H11" s="327"/>
      <c r="I11" s="76"/>
      <c r="J11" s="78"/>
      <c r="K11" s="78"/>
      <c r="L11" s="78"/>
      <c r="M11" s="78"/>
      <c r="N11" s="78"/>
      <c r="O11" s="78"/>
      <c r="P11" s="78"/>
      <c r="Q11" s="78"/>
      <c r="R11" s="78"/>
      <c r="S11" s="78"/>
      <c r="T11" s="78"/>
      <c r="U11" s="78"/>
      <c r="V11" s="78"/>
      <c r="W11" s="78"/>
      <c r="X11" s="78"/>
      <c r="Y11" s="78"/>
      <c r="Z11" s="78"/>
      <c r="AA11" s="78"/>
      <c r="AB11" s="78"/>
      <c r="AC11" s="78"/>
      <c r="AD11" s="78"/>
    </row>
    <row r="12" spans="1:31" s="79" customFormat="1" ht="32.65" customHeight="1">
      <c r="A12" s="75"/>
      <c r="B12" s="338" t="s">
        <v>21</v>
      </c>
      <c r="C12" s="601" t="s">
        <v>260</v>
      </c>
      <c r="D12" s="601"/>
      <c r="E12" s="601"/>
      <c r="F12" s="601"/>
      <c r="G12" s="601"/>
      <c r="H12" s="602"/>
      <c r="I12" s="80"/>
      <c r="J12" s="82"/>
      <c r="K12" s="82"/>
      <c r="L12" s="82"/>
      <c r="M12" s="82"/>
      <c r="N12" s="82"/>
      <c r="O12" s="82"/>
      <c r="P12" s="82"/>
      <c r="Q12" s="82"/>
      <c r="R12" s="82"/>
      <c r="S12" s="82"/>
      <c r="T12" s="82"/>
      <c r="U12" s="82"/>
      <c r="V12" s="82"/>
      <c r="W12" s="82"/>
      <c r="X12" s="82"/>
      <c r="Y12" s="82"/>
      <c r="Z12" s="82"/>
      <c r="AA12" s="82"/>
      <c r="AB12" s="82"/>
      <c r="AC12" s="82"/>
      <c r="AD12" s="82"/>
    </row>
    <row r="13" spans="1:31" s="79" customFormat="1" ht="32.65" customHeight="1">
      <c r="A13" s="75"/>
      <c r="B13" s="340"/>
      <c r="C13" s="83">
        <v>1</v>
      </c>
      <c r="D13" s="579" t="s">
        <v>100</v>
      </c>
      <c r="E13" s="579"/>
      <c r="F13" s="579"/>
      <c r="G13" s="579"/>
      <c r="H13" s="580"/>
      <c r="I13" s="84"/>
      <c r="J13" s="82"/>
      <c r="K13" s="82"/>
      <c r="L13" s="82"/>
      <c r="M13" s="82"/>
      <c r="N13" s="82"/>
      <c r="O13" s="82"/>
      <c r="P13" s="82"/>
      <c r="Q13" s="82"/>
      <c r="R13" s="82"/>
      <c r="S13" s="82"/>
      <c r="T13" s="82"/>
      <c r="U13" s="82"/>
      <c r="V13" s="82"/>
      <c r="W13" s="82"/>
      <c r="X13" s="82"/>
      <c r="Y13" s="82"/>
      <c r="Z13" s="82"/>
      <c r="AA13" s="82"/>
      <c r="AB13" s="82"/>
      <c r="AC13" s="82"/>
      <c r="AD13" s="82"/>
    </row>
    <row r="14" spans="1:31" s="79" customFormat="1" ht="32.65" customHeight="1">
      <c r="A14" s="75"/>
      <c r="B14" s="340"/>
      <c r="C14" s="83">
        <v>2</v>
      </c>
      <c r="D14" s="579" t="s">
        <v>93</v>
      </c>
      <c r="E14" s="579"/>
      <c r="F14" s="579"/>
      <c r="G14" s="579"/>
      <c r="H14" s="580"/>
      <c r="I14" s="84"/>
      <c r="J14" s="82"/>
      <c r="K14" s="82"/>
      <c r="L14" s="82"/>
      <c r="M14" s="82"/>
      <c r="N14" s="82"/>
      <c r="O14" s="82"/>
      <c r="P14" s="82"/>
      <c r="Q14" s="82"/>
      <c r="R14" s="82"/>
      <c r="S14" s="82"/>
      <c r="T14" s="82"/>
      <c r="U14" s="82"/>
      <c r="V14" s="82"/>
      <c r="W14" s="82"/>
      <c r="X14" s="82"/>
      <c r="Y14" s="82"/>
      <c r="Z14" s="82"/>
      <c r="AA14" s="82"/>
      <c r="AB14" s="82"/>
      <c r="AC14" s="82"/>
      <c r="AD14" s="82"/>
    </row>
    <row r="15" spans="1:31" s="79" customFormat="1" ht="32.65" customHeight="1">
      <c r="A15" s="75"/>
      <c r="B15" s="340"/>
      <c r="C15" s="83">
        <v>3</v>
      </c>
      <c r="D15" s="579" t="s">
        <v>172</v>
      </c>
      <c r="E15" s="579"/>
      <c r="F15" s="579"/>
      <c r="G15" s="579"/>
      <c r="H15" s="580"/>
      <c r="I15" s="84"/>
      <c r="J15" s="82"/>
      <c r="K15" s="82"/>
      <c r="L15" s="82"/>
      <c r="M15" s="82"/>
      <c r="N15" s="82"/>
      <c r="O15" s="82"/>
      <c r="P15" s="82"/>
      <c r="Q15" s="82"/>
      <c r="R15" s="82"/>
      <c r="S15" s="82"/>
      <c r="T15" s="82"/>
      <c r="U15" s="82"/>
      <c r="V15" s="82"/>
      <c r="W15" s="82"/>
      <c r="X15" s="82"/>
      <c r="Y15" s="82"/>
      <c r="Z15" s="82"/>
      <c r="AA15" s="82"/>
      <c r="AB15" s="82"/>
      <c r="AC15" s="82"/>
      <c r="AD15" s="82"/>
    </row>
    <row r="16" spans="1:31" s="79" customFormat="1" ht="32.65" customHeight="1" thickBot="1">
      <c r="A16" s="75"/>
      <c r="B16" s="341"/>
      <c r="C16" s="85">
        <v>4</v>
      </c>
      <c r="D16" s="581" t="s">
        <v>262</v>
      </c>
      <c r="E16" s="581"/>
      <c r="F16" s="581"/>
      <c r="G16" s="581"/>
      <c r="H16" s="582"/>
      <c r="I16" s="84"/>
      <c r="J16" s="82"/>
      <c r="K16" s="82"/>
      <c r="L16" s="82"/>
      <c r="M16" s="82"/>
      <c r="N16" s="82"/>
      <c r="O16" s="82"/>
      <c r="P16" s="82"/>
      <c r="Q16" s="82"/>
      <c r="R16" s="82"/>
      <c r="S16" s="82"/>
      <c r="T16" s="82"/>
      <c r="U16" s="82"/>
      <c r="V16" s="82"/>
      <c r="W16" s="82"/>
      <c r="X16" s="82"/>
      <c r="Y16" s="82"/>
      <c r="Z16" s="82"/>
      <c r="AA16" s="82"/>
      <c r="AB16" s="82"/>
      <c r="AC16" s="82"/>
      <c r="AD16" s="82"/>
    </row>
    <row r="17" spans="1:30" s="79" customFormat="1" ht="32.65" customHeight="1">
      <c r="A17" s="75"/>
      <c r="B17" s="586" t="s">
        <v>219</v>
      </c>
      <c r="C17" s="586"/>
      <c r="D17" s="586"/>
      <c r="E17" s="586"/>
      <c r="F17" s="586"/>
      <c r="G17" s="586"/>
      <c r="H17" s="586"/>
      <c r="I17" s="76"/>
      <c r="J17" s="78"/>
      <c r="K17" s="78"/>
      <c r="L17" s="78"/>
      <c r="M17" s="78"/>
      <c r="N17" s="78"/>
      <c r="O17" s="78"/>
      <c r="P17" s="78"/>
      <c r="Q17" s="78"/>
      <c r="R17" s="78"/>
      <c r="S17" s="78"/>
      <c r="T17" s="78"/>
      <c r="U17" s="78"/>
      <c r="V17" s="78"/>
      <c r="W17" s="78"/>
      <c r="X17" s="78"/>
      <c r="Y17" s="78"/>
      <c r="Z17" s="78"/>
      <c r="AA17" s="78"/>
      <c r="AB17" s="78"/>
      <c r="AC17" s="78"/>
      <c r="AD17" s="78"/>
    </row>
    <row r="18" spans="1:30" s="79" customFormat="1" ht="15" customHeight="1">
      <c r="A18" s="75"/>
      <c r="B18" s="211"/>
      <c r="C18" s="211"/>
      <c r="D18" s="211"/>
      <c r="E18" s="211"/>
      <c r="F18" s="211"/>
      <c r="G18" s="211"/>
      <c r="H18" s="329"/>
      <c r="I18" s="76"/>
      <c r="J18" s="78"/>
      <c r="K18" s="78"/>
      <c r="L18" s="78"/>
      <c r="M18" s="78"/>
      <c r="N18" s="78"/>
      <c r="O18" s="78"/>
      <c r="P18" s="78"/>
      <c r="Q18" s="78"/>
      <c r="R18" s="78"/>
      <c r="S18" s="78"/>
      <c r="T18" s="78"/>
      <c r="U18" s="78"/>
      <c r="V18" s="78"/>
      <c r="W18" s="78"/>
      <c r="X18" s="78"/>
      <c r="Y18" s="78"/>
      <c r="Z18" s="78"/>
      <c r="AA18" s="78"/>
      <c r="AB18" s="78"/>
      <c r="AC18" s="78"/>
      <c r="AD18" s="78"/>
    </row>
    <row r="19" spans="1:30" s="79" customFormat="1" ht="24" customHeight="1" thickBot="1">
      <c r="A19" s="75"/>
      <c r="B19" s="583" t="s">
        <v>94</v>
      </c>
      <c r="C19" s="583"/>
      <c r="D19" s="583"/>
      <c r="E19" s="583"/>
      <c r="F19" s="583"/>
      <c r="G19" s="583"/>
      <c r="H19" s="327"/>
      <c r="I19" s="76"/>
      <c r="J19" s="78"/>
      <c r="K19" s="78"/>
      <c r="L19" s="78"/>
      <c r="M19" s="78"/>
      <c r="N19" s="78"/>
      <c r="O19" s="78"/>
      <c r="P19" s="78"/>
      <c r="Q19" s="78"/>
      <c r="R19" s="78"/>
      <c r="S19" s="78"/>
      <c r="T19" s="78"/>
      <c r="U19" s="78"/>
      <c r="V19" s="78"/>
      <c r="W19" s="78"/>
      <c r="X19" s="78"/>
      <c r="Y19" s="78"/>
      <c r="Z19" s="78"/>
      <c r="AA19" s="78"/>
      <c r="AB19" s="78"/>
      <c r="AC19" s="78"/>
      <c r="AD19" s="78"/>
    </row>
    <row r="20" spans="1:30" s="79" customFormat="1" ht="32.65" customHeight="1">
      <c r="A20" s="75"/>
      <c r="B20" s="338" t="s">
        <v>21</v>
      </c>
      <c r="C20" s="577" t="s">
        <v>95</v>
      </c>
      <c r="D20" s="577"/>
      <c r="E20" s="577"/>
      <c r="F20" s="577"/>
      <c r="G20" s="577"/>
      <c r="H20" s="578"/>
      <c r="I20" s="80"/>
      <c r="J20" s="82"/>
      <c r="K20" s="82"/>
      <c r="L20" s="82"/>
      <c r="M20" s="82"/>
      <c r="N20" s="82"/>
      <c r="O20" s="82"/>
      <c r="P20" s="82"/>
      <c r="Q20" s="82"/>
      <c r="R20" s="82"/>
      <c r="S20" s="82"/>
      <c r="T20" s="82"/>
      <c r="U20" s="82"/>
      <c r="V20" s="82"/>
      <c r="W20" s="82"/>
      <c r="X20" s="82"/>
      <c r="Y20" s="82"/>
      <c r="Z20" s="82"/>
      <c r="AA20" s="82"/>
      <c r="AB20" s="82"/>
      <c r="AC20" s="82"/>
      <c r="AD20" s="82"/>
    </row>
    <row r="21" spans="1:30" s="79" customFormat="1" ht="32.65" customHeight="1">
      <c r="A21" s="75"/>
      <c r="B21" s="340"/>
      <c r="C21" s="83">
        <v>1</v>
      </c>
      <c r="D21" s="579" t="s">
        <v>271</v>
      </c>
      <c r="E21" s="579"/>
      <c r="F21" s="579"/>
      <c r="G21" s="579"/>
      <c r="H21" s="580"/>
      <c r="I21" s="84"/>
      <c r="J21" s="82"/>
      <c r="K21" s="82"/>
      <c r="L21" s="82"/>
      <c r="M21" s="82"/>
      <c r="N21" s="82"/>
      <c r="O21" s="82"/>
      <c r="P21" s="82"/>
      <c r="Q21" s="82"/>
      <c r="R21" s="82"/>
      <c r="S21" s="82"/>
      <c r="T21" s="82"/>
      <c r="U21" s="82"/>
      <c r="V21" s="82"/>
      <c r="W21" s="82"/>
      <c r="X21" s="82"/>
      <c r="Y21" s="82"/>
      <c r="Z21" s="82"/>
      <c r="AA21" s="82"/>
      <c r="AB21" s="82"/>
      <c r="AC21" s="82"/>
      <c r="AD21" s="82"/>
    </row>
    <row r="22" spans="1:30" s="79" customFormat="1" ht="32.65" customHeight="1" thickBot="1">
      <c r="A22" s="75"/>
      <c r="B22" s="341"/>
      <c r="C22" s="85">
        <v>2</v>
      </c>
      <c r="D22" s="581" t="s">
        <v>272</v>
      </c>
      <c r="E22" s="581"/>
      <c r="F22" s="581"/>
      <c r="G22" s="581"/>
      <c r="H22" s="582"/>
      <c r="I22" s="84"/>
      <c r="J22" s="82"/>
      <c r="K22" s="82"/>
      <c r="L22" s="82"/>
      <c r="M22" s="82"/>
      <c r="N22" s="82"/>
      <c r="O22" s="82"/>
      <c r="P22" s="82"/>
      <c r="Q22" s="82"/>
      <c r="R22" s="82"/>
      <c r="S22" s="82"/>
      <c r="T22" s="82"/>
      <c r="U22" s="82"/>
      <c r="V22" s="82"/>
      <c r="W22" s="82"/>
      <c r="X22" s="82"/>
      <c r="Y22" s="82"/>
      <c r="Z22" s="82"/>
      <c r="AA22" s="82"/>
      <c r="AB22" s="82"/>
      <c r="AC22" s="82"/>
      <c r="AD22" s="82"/>
    </row>
    <row r="23" spans="1:30" s="79" customFormat="1" ht="22.5" customHeight="1">
      <c r="A23" s="75"/>
      <c r="B23" s="585" t="s">
        <v>173</v>
      </c>
      <c r="C23" s="585"/>
      <c r="D23" s="585"/>
      <c r="E23" s="585"/>
      <c r="F23" s="585"/>
      <c r="G23" s="585"/>
      <c r="H23" s="330"/>
      <c r="I23" s="80"/>
      <c r="J23" s="82"/>
      <c r="K23" s="82"/>
      <c r="L23" s="82"/>
      <c r="M23" s="82"/>
      <c r="N23" s="82"/>
      <c r="O23" s="82"/>
      <c r="P23" s="82"/>
      <c r="Q23" s="82"/>
      <c r="R23" s="82"/>
      <c r="S23" s="82"/>
      <c r="T23" s="82"/>
      <c r="U23" s="82"/>
      <c r="V23" s="82"/>
      <c r="W23" s="82"/>
      <c r="X23" s="82"/>
      <c r="Y23" s="82"/>
      <c r="Z23" s="82"/>
      <c r="AA23" s="82"/>
      <c r="AB23" s="82"/>
      <c r="AC23" s="82"/>
      <c r="AD23" s="82"/>
    </row>
    <row r="24" spans="1:30" s="79" customFormat="1" ht="15" customHeight="1">
      <c r="A24" s="75"/>
      <c r="B24" s="209"/>
      <c r="C24" s="209"/>
      <c r="D24" s="209"/>
      <c r="E24" s="209"/>
      <c r="F24" s="209"/>
      <c r="G24" s="209"/>
      <c r="H24" s="330"/>
      <c r="I24" s="80"/>
      <c r="J24" s="82"/>
      <c r="K24" s="82"/>
      <c r="L24" s="82"/>
      <c r="M24" s="82"/>
      <c r="N24" s="82"/>
      <c r="O24" s="82"/>
      <c r="P24" s="82"/>
      <c r="Q24" s="82"/>
      <c r="R24" s="82"/>
      <c r="S24" s="82"/>
      <c r="T24" s="82"/>
      <c r="U24" s="82"/>
      <c r="V24" s="82"/>
      <c r="W24" s="82"/>
      <c r="X24" s="82"/>
      <c r="Y24" s="82"/>
      <c r="Z24" s="82"/>
      <c r="AA24" s="82"/>
      <c r="AB24" s="82"/>
      <c r="AC24" s="82"/>
      <c r="AD24" s="82"/>
    </row>
    <row r="25" spans="1:30" s="79" customFormat="1" ht="24" customHeight="1" thickBot="1">
      <c r="A25" s="75"/>
      <c r="B25" s="583" t="s">
        <v>111</v>
      </c>
      <c r="C25" s="583"/>
      <c r="D25" s="583"/>
      <c r="E25" s="583"/>
      <c r="F25" s="583"/>
      <c r="G25" s="583"/>
      <c r="H25" s="327"/>
      <c r="I25" s="76"/>
      <c r="J25" s="78"/>
      <c r="K25" s="78"/>
      <c r="L25" s="78"/>
      <c r="M25" s="78"/>
      <c r="N25" s="78"/>
      <c r="O25" s="78"/>
      <c r="P25" s="78"/>
      <c r="Q25" s="78"/>
      <c r="R25" s="78"/>
      <c r="S25" s="78"/>
      <c r="T25" s="78"/>
      <c r="U25" s="78"/>
      <c r="V25" s="78"/>
      <c r="W25" s="78"/>
      <c r="X25" s="78"/>
      <c r="Y25" s="78"/>
      <c r="Z25" s="78"/>
      <c r="AA25" s="78"/>
      <c r="AB25" s="78"/>
      <c r="AC25" s="78"/>
      <c r="AD25" s="78"/>
    </row>
    <row r="26" spans="1:30" s="79" customFormat="1" ht="32.65" customHeight="1">
      <c r="A26" s="75"/>
      <c r="B26" s="338" t="s">
        <v>21</v>
      </c>
      <c r="C26" s="577" t="s">
        <v>97</v>
      </c>
      <c r="D26" s="577"/>
      <c r="E26" s="577"/>
      <c r="F26" s="577"/>
      <c r="G26" s="577"/>
      <c r="H26" s="578"/>
      <c r="I26" s="80"/>
      <c r="J26" s="82"/>
      <c r="K26" s="82"/>
      <c r="L26" s="82"/>
      <c r="M26" s="82"/>
      <c r="N26" s="82"/>
      <c r="O26" s="82"/>
      <c r="P26" s="82"/>
      <c r="Q26" s="82"/>
      <c r="R26" s="82"/>
      <c r="S26" s="82"/>
      <c r="T26" s="82"/>
      <c r="U26" s="82"/>
      <c r="V26" s="82"/>
      <c r="W26" s="82"/>
      <c r="X26" s="82"/>
      <c r="Y26" s="82"/>
      <c r="Z26" s="82"/>
      <c r="AA26" s="82"/>
      <c r="AB26" s="82"/>
      <c r="AC26" s="82"/>
      <c r="AD26" s="82"/>
    </row>
    <row r="27" spans="1:30" s="79" customFormat="1" ht="32.65" customHeight="1">
      <c r="A27" s="75"/>
      <c r="B27" s="340"/>
      <c r="C27" s="83">
        <v>1</v>
      </c>
      <c r="D27" s="579" t="s">
        <v>98</v>
      </c>
      <c r="E27" s="579"/>
      <c r="F27" s="579"/>
      <c r="G27" s="579"/>
      <c r="H27" s="580"/>
      <c r="I27" s="84"/>
      <c r="J27" s="82"/>
      <c r="K27" s="82"/>
      <c r="L27" s="82"/>
      <c r="M27" s="82"/>
      <c r="N27" s="82"/>
      <c r="O27" s="82"/>
      <c r="P27" s="82"/>
      <c r="Q27" s="82"/>
      <c r="R27" s="82"/>
      <c r="S27" s="82"/>
      <c r="T27" s="82"/>
      <c r="U27" s="82"/>
      <c r="V27" s="82"/>
      <c r="W27" s="82"/>
      <c r="X27" s="82"/>
      <c r="Y27" s="82"/>
      <c r="Z27" s="82"/>
      <c r="AA27" s="82"/>
      <c r="AB27" s="82"/>
      <c r="AC27" s="82"/>
      <c r="AD27" s="82"/>
    </row>
    <row r="28" spans="1:30" s="79" customFormat="1" ht="32.65" customHeight="1" thickBot="1">
      <c r="A28" s="75"/>
      <c r="B28" s="341"/>
      <c r="C28" s="85">
        <v>2</v>
      </c>
      <c r="D28" s="581" t="s">
        <v>99</v>
      </c>
      <c r="E28" s="581"/>
      <c r="F28" s="581"/>
      <c r="G28" s="581"/>
      <c r="H28" s="582"/>
      <c r="I28" s="84"/>
      <c r="J28" s="82"/>
      <c r="K28" s="82"/>
      <c r="L28" s="82"/>
      <c r="M28" s="82"/>
      <c r="N28" s="82"/>
      <c r="O28" s="82"/>
      <c r="P28" s="82"/>
      <c r="Q28" s="82"/>
      <c r="R28" s="82"/>
      <c r="S28" s="82"/>
      <c r="T28" s="82"/>
      <c r="U28" s="82"/>
      <c r="V28" s="82"/>
      <c r="W28" s="82"/>
      <c r="X28" s="82"/>
      <c r="Y28" s="82"/>
      <c r="Z28" s="82"/>
      <c r="AA28" s="82"/>
      <c r="AB28" s="82"/>
      <c r="AC28" s="82"/>
      <c r="AD28" s="82"/>
    </row>
    <row r="29" spans="1:30" s="79" customFormat="1" ht="32.65" customHeight="1">
      <c r="A29" s="75"/>
      <c r="B29" s="586" t="s">
        <v>174</v>
      </c>
      <c r="C29" s="586"/>
      <c r="D29" s="586"/>
      <c r="E29" s="586"/>
      <c r="F29" s="586"/>
      <c r="G29" s="586"/>
      <c r="H29" s="586"/>
      <c r="I29" s="80"/>
      <c r="J29" s="82"/>
      <c r="K29" s="82"/>
      <c r="L29" s="82"/>
      <c r="M29" s="82"/>
      <c r="N29" s="82"/>
      <c r="O29" s="82"/>
      <c r="P29" s="82"/>
      <c r="Q29" s="82"/>
      <c r="R29" s="82"/>
      <c r="S29" s="82"/>
      <c r="T29" s="82"/>
      <c r="U29" s="82"/>
      <c r="V29" s="82"/>
      <c r="W29" s="82"/>
      <c r="X29" s="82"/>
      <c r="Y29" s="82"/>
      <c r="Z29" s="82"/>
      <c r="AA29" s="82"/>
      <c r="AB29" s="82"/>
      <c r="AC29" s="82"/>
      <c r="AD29" s="82"/>
    </row>
    <row r="30" spans="1:30" ht="63" customHeight="1">
      <c r="A30" s="68"/>
      <c r="B30" s="587" t="s">
        <v>263</v>
      </c>
      <c r="C30" s="587"/>
      <c r="D30" s="587"/>
      <c r="E30" s="587"/>
      <c r="F30" s="587"/>
      <c r="G30" s="587"/>
      <c r="H30" s="587"/>
      <c r="I30" s="86"/>
      <c r="J30" s="88"/>
      <c r="K30" s="88"/>
      <c r="L30" s="88"/>
      <c r="M30" s="88"/>
      <c r="N30" s="88"/>
      <c r="O30" s="88"/>
      <c r="P30" s="88"/>
      <c r="Q30" s="88"/>
      <c r="R30" s="88"/>
      <c r="S30" s="88"/>
      <c r="T30" s="88"/>
      <c r="U30" s="88"/>
      <c r="V30" s="88"/>
      <c r="W30" s="88"/>
      <c r="X30" s="88"/>
      <c r="Y30" s="88"/>
      <c r="Z30" s="88"/>
      <c r="AA30" s="88"/>
      <c r="AB30" s="88"/>
      <c r="AC30" s="88"/>
      <c r="AD30" s="88"/>
    </row>
    <row r="31" spans="1:30" ht="15" customHeight="1">
      <c r="A31" s="68"/>
      <c r="B31" s="211"/>
      <c r="C31" s="211"/>
      <c r="D31" s="211"/>
      <c r="E31" s="211"/>
      <c r="F31" s="211"/>
      <c r="G31" s="211"/>
      <c r="H31" s="329"/>
      <c r="I31" s="86"/>
      <c r="J31" s="88"/>
      <c r="K31" s="88"/>
      <c r="L31" s="88"/>
      <c r="M31" s="88"/>
      <c r="N31" s="88"/>
      <c r="O31" s="88"/>
      <c r="P31" s="88"/>
      <c r="Q31" s="88"/>
      <c r="R31" s="88"/>
      <c r="S31" s="88"/>
      <c r="T31" s="88"/>
      <c r="U31" s="88"/>
      <c r="V31" s="88"/>
      <c r="W31" s="88"/>
      <c r="X31" s="88"/>
      <c r="Y31" s="88"/>
      <c r="Z31" s="88"/>
      <c r="AA31" s="88"/>
      <c r="AB31" s="88"/>
      <c r="AC31" s="88"/>
      <c r="AD31" s="88"/>
    </row>
    <row r="32" spans="1:30" ht="24" customHeight="1">
      <c r="A32" s="121" t="s">
        <v>52</v>
      </c>
      <c r="B32" s="121"/>
      <c r="C32" s="121"/>
      <c r="D32" s="121"/>
      <c r="E32" s="121"/>
      <c r="F32" s="121"/>
      <c r="G32" s="110"/>
      <c r="H32" s="110"/>
      <c r="I32" s="119"/>
    </row>
    <row r="33" spans="1:30" ht="24.75" customHeight="1">
      <c r="A33" s="68"/>
      <c r="B33" s="89" t="s">
        <v>175</v>
      </c>
      <c r="C33" s="90"/>
      <c r="D33" s="208"/>
      <c r="E33" s="208"/>
      <c r="F33" s="208"/>
      <c r="G33" s="208"/>
      <c r="H33" s="325"/>
      <c r="I33" s="68"/>
      <c r="J33" s="69" t="s">
        <v>333</v>
      </c>
    </row>
    <row r="34" spans="1:30" ht="26.25" customHeight="1" thickBot="1">
      <c r="A34" s="68"/>
      <c r="B34" s="792" t="s">
        <v>126</v>
      </c>
      <c r="C34" s="792"/>
      <c r="D34" s="208"/>
      <c r="E34" s="208"/>
      <c r="F34" s="208"/>
      <c r="G34" s="208"/>
      <c r="H34" s="325"/>
      <c r="I34" s="68"/>
      <c r="J34" s="69" t="s">
        <v>335</v>
      </c>
    </row>
    <row r="35" spans="1:30" ht="32.65" customHeight="1" thickBot="1">
      <c r="A35" s="68"/>
      <c r="B35" s="793"/>
      <c r="C35" s="794"/>
      <c r="D35" s="1093" t="s">
        <v>438</v>
      </c>
      <c r="E35" s="1094"/>
      <c r="F35" s="1094"/>
      <c r="G35" s="1094"/>
      <c r="H35" s="1094"/>
      <c r="I35" s="68"/>
      <c r="J35" s="69" t="s">
        <v>334</v>
      </c>
    </row>
    <row r="36" spans="1:30" ht="15" customHeight="1">
      <c r="A36" s="68"/>
      <c r="B36" s="92"/>
      <c r="C36" s="90"/>
      <c r="D36" s="208"/>
      <c r="E36" s="208"/>
      <c r="F36" s="208"/>
      <c r="G36" s="208"/>
      <c r="H36" s="325"/>
      <c r="I36" s="68"/>
    </row>
    <row r="37" spans="1:30" ht="23.25" hidden="1" customHeight="1" outlineLevel="1">
      <c r="A37" s="68"/>
      <c r="B37" s="89" t="s">
        <v>176</v>
      </c>
      <c r="C37" s="90"/>
      <c r="D37" s="208"/>
      <c r="E37" s="208"/>
      <c r="F37" s="208"/>
      <c r="G37" s="208"/>
      <c r="H37" s="325"/>
      <c r="I37" s="68"/>
      <c r="J37" s="155"/>
      <c r="K37" s="155"/>
      <c r="L37" s="155"/>
      <c r="M37" s="155"/>
      <c r="N37" s="155"/>
      <c r="O37" s="155"/>
      <c r="P37" s="155"/>
      <c r="Q37" s="155"/>
      <c r="R37" s="155"/>
      <c r="S37" s="155"/>
      <c r="T37" s="155"/>
      <c r="U37" s="155"/>
      <c r="V37" s="155"/>
      <c r="W37" s="155"/>
      <c r="X37" s="155"/>
      <c r="Y37" s="155"/>
      <c r="Z37" s="155"/>
      <c r="AA37" s="155"/>
      <c r="AB37" s="155"/>
      <c r="AC37" s="155"/>
      <c r="AD37" s="155"/>
    </row>
    <row r="38" spans="1:30" ht="24" hidden="1" customHeight="1" outlineLevel="1" thickBot="1">
      <c r="A38" s="68"/>
      <c r="B38" s="795" t="s">
        <v>89</v>
      </c>
      <c r="C38" s="795"/>
      <c r="D38" s="166"/>
      <c r="E38" s="208"/>
      <c r="F38" s="208"/>
      <c r="G38" s="208"/>
      <c r="H38" s="325"/>
      <c r="I38" s="68"/>
    </row>
    <row r="39" spans="1:30" ht="32.65" hidden="1" customHeight="1" outlineLevel="1" thickBot="1">
      <c r="A39" s="68"/>
      <c r="B39" s="611"/>
      <c r="C39" s="613"/>
      <c r="D39" s="112" t="s">
        <v>1</v>
      </c>
      <c r="E39" s="208"/>
      <c r="F39" s="208"/>
      <c r="G39" s="208"/>
      <c r="H39" s="325"/>
      <c r="I39" s="68"/>
    </row>
    <row r="40" spans="1:30" ht="15" hidden="1" customHeight="1" outlineLevel="1">
      <c r="A40" s="68"/>
      <c r="B40" s="90"/>
      <c r="C40" s="90"/>
      <c r="D40" s="208"/>
      <c r="E40" s="208"/>
      <c r="F40" s="208"/>
      <c r="G40" s="208"/>
      <c r="H40" s="325"/>
      <c r="I40" s="68"/>
    </row>
    <row r="41" spans="1:30" ht="32.65" customHeight="1" collapsed="1">
      <c r="A41" s="68"/>
      <c r="B41" s="584" t="s">
        <v>230</v>
      </c>
      <c r="C41" s="584"/>
      <c r="D41" s="584"/>
      <c r="E41" s="584"/>
      <c r="F41" s="584"/>
      <c r="G41" s="584"/>
      <c r="H41" s="324"/>
      <c r="I41" s="68"/>
    </row>
    <row r="42" spans="1:30" ht="27" customHeight="1" thickBot="1">
      <c r="A42" s="68"/>
      <c r="B42" s="796" t="s">
        <v>228</v>
      </c>
      <c r="C42" s="796"/>
      <c r="D42" s="208"/>
      <c r="E42" s="208"/>
      <c r="F42" s="208"/>
      <c r="G42" s="208"/>
      <c r="H42" s="325"/>
      <c r="I42" s="68"/>
      <c r="J42" s="67" t="s">
        <v>118</v>
      </c>
      <c r="K42" s="68">
        <f>SUM(E47:E56)</f>
        <v>0</v>
      </c>
    </row>
    <row r="43" spans="1:30" ht="32.65" customHeight="1" thickBot="1">
      <c r="A43" s="68"/>
      <c r="B43" s="799"/>
      <c r="C43" s="800"/>
      <c r="D43" s="208" t="s">
        <v>1</v>
      </c>
      <c r="E43" s="208"/>
      <c r="F43" s="208"/>
      <c r="G43" s="208"/>
      <c r="H43" s="325"/>
      <c r="I43" s="68"/>
      <c r="J43" s="67" t="s">
        <v>117</v>
      </c>
      <c r="K43" s="93">
        <v>51400</v>
      </c>
    </row>
    <row r="44" spans="1:30" ht="15" customHeight="1">
      <c r="A44" s="68"/>
      <c r="B44" s="90"/>
      <c r="C44" s="90"/>
      <c r="D44" s="208"/>
      <c r="E44" s="208"/>
      <c r="F44" s="208"/>
      <c r="G44" s="208"/>
      <c r="H44" s="325"/>
      <c r="I44" s="68"/>
      <c r="J44" s="67" t="s">
        <v>116</v>
      </c>
      <c r="K44" s="67">
        <f>K42*K43</f>
        <v>0</v>
      </c>
    </row>
    <row r="45" spans="1:30" ht="21.6" customHeight="1" thickBot="1">
      <c r="A45" s="68"/>
      <c r="B45" s="570" t="s">
        <v>426</v>
      </c>
      <c r="C45" s="570"/>
      <c r="D45" s="570"/>
      <c r="E45" s="570"/>
      <c r="F45" s="570"/>
      <c r="G45" s="570"/>
      <c r="H45" s="327"/>
      <c r="I45" s="100"/>
      <c r="J45" s="67" t="s">
        <v>123</v>
      </c>
      <c r="K45" s="68">
        <f>G57+G108-B62</f>
        <v>0</v>
      </c>
      <c r="M45" s="157"/>
      <c r="N45" s="157"/>
      <c r="O45" s="157"/>
      <c r="P45" s="157"/>
      <c r="Q45" s="157"/>
      <c r="R45" s="157"/>
      <c r="S45" s="157"/>
      <c r="T45" s="157"/>
      <c r="U45" s="157"/>
      <c r="V45" s="157"/>
      <c r="W45" s="157"/>
      <c r="X45" s="157"/>
      <c r="Y45" s="157"/>
      <c r="Z45" s="157"/>
      <c r="AA45" s="157"/>
      <c r="AB45" s="157"/>
      <c r="AC45" s="157"/>
      <c r="AD45" s="157"/>
    </row>
    <row r="46" spans="1:30" ht="32.65" customHeight="1">
      <c r="A46" s="68"/>
      <c r="B46" s="167" t="s">
        <v>258</v>
      </c>
      <c r="C46" s="554" t="s">
        <v>344</v>
      </c>
      <c r="D46" s="555"/>
      <c r="E46" s="168" t="s">
        <v>182</v>
      </c>
      <c r="F46" s="168" t="s">
        <v>240</v>
      </c>
      <c r="G46" s="344" t="s">
        <v>179</v>
      </c>
      <c r="H46" s="169" t="s">
        <v>332</v>
      </c>
      <c r="I46" s="68"/>
      <c r="J46" s="156"/>
      <c r="K46" s="157"/>
      <c r="L46" s="157"/>
      <c r="M46" s="157"/>
      <c r="N46" s="157"/>
      <c r="O46" s="157"/>
      <c r="P46" s="157"/>
      <c r="Q46" s="157"/>
      <c r="R46" s="157"/>
      <c r="S46" s="157"/>
      <c r="T46" s="157"/>
      <c r="U46" s="157"/>
      <c r="V46" s="157"/>
      <c r="W46" s="157"/>
      <c r="X46" s="157"/>
      <c r="Y46" s="157"/>
      <c r="Z46" s="157"/>
      <c r="AA46" s="157"/>
      <c r="AB46" s="157"/>
      <c r="AC46" s="157"/>
      <c r="AD46" s="157"/>
    </row>
    <row r="47" spans="1:30" ht="32.65" customHeight="1">
      <c r="A47" s="68"/>
      <c r="B47" s="272"/>
      <c r="C47" s="556"/>
      <c r="D47" s="557"/>
      <c r="E47" s="273"/>
      <c r="F47" s="274"/>
      <c r="G47" s="383">
        <f>E47*F47</f>
        <v>0</v>
      </c>
      <c r="H47" s="352"/>
      <c r="I47" s="68"/>
    </row>
    <row r="48" spans="1:30" ht="32.65" customHeight="1">
      <c r="A48" s="68"/>
      <c r="B48" s="275"/>
      <c r="C48" s="556"/>
      <c r="D48" s="557"/>
      <c r="E48" s="276"/>
      <c r="F48" s="277"/>
      <c r="G48" s="383">
        <f t="shared" ref="G48:G56" si="0">E48*F48</f>
        <v>0</v>
      </c>
      <c r="H48" s="353"/>
      <c r="I48" s="68"/>
    </row>
    <row r="49" spans="1:10" ht="32.65" customHeight="1">
      <c r="A49" s="68"/>
      <c r="B49" s="275"/>
      <c r="C49" s="556"/>
      <c r="D49" s="557"/>
      <c r="E49" s="276"/>
      <c r="F49" s="277"/>
      <c r="G49" s="383">
        <f t="shared" si="0"/>
        <v>0</v>
      </c>
      <c r="H49" s="353"/>
      <c r="I49" s="68"/>
    </row>
    <row r="50" spans="1:10" ht="32.65" customHeight="1">
      <c r="A50" s="68"/>
      <c r="B50" s="275"/>
      <c r="C50" s="556"/>
      <c r="D50" s="557"/>
      <c r="E50" s="276"/>
      <c r="F50" s="277"/>
      <c r="G50" s="383">
        <f t="shared" si="0"/>
        <v>0</v>
      </c>
      <c r="H50" s="353"/>
      <c r="I50" s="68"/>
    </row>
    <row r="51" spans="1:10" ht="32.65" customHeight="1" thickBot="1">
      <c r="A51" s="68"/>
      <c r="B51" s="278"/>
      <c r="C51" s="591"/>
      <c r="D51" s="592"/>
      <c r="E51" s="279"/>
      <c r="F51" s="280"/>
      <c r="G51" s="385">
        <f t="shared" si="0"/>
        <v>0</v>
      </c>
      <c r="H51" s="354"/>
      <c r="I51" s="68"/>
    </row>
    <row r="52" spans="1:10" ht="32.65" hidden="1" customHeight="1" outlineLevel="1">
      <c r="A52" s="68"/>
      <c r="B52" s="281"/>
      <c r="C52" s="801"/>
      <c r="D52" s="802"/>
      <c r="E52" s="282"/>
      <c r="F52" s="283"/>
      <c r="G52" s="384">
        <f t="shared" si="0"/>
        <v>0</v>
      </c>
      <c r="H52" s="419"/>
      <c r="I52" s="68"/>
    </row>
    <row r="53" spans="1:10" ht="32.65" hidden="1" customHeight="1" outlineLevel="1">
      <c r="A53" s="68"/>
      <c r="B53" s="275"/>
      <c r="C53" s="556"/>
      <c r="D53" s="557"/>
      <c r="E53" s="276"/>
      <c r="F53" s="277"/>
      <c r="G53" s="383">
        <f t="shared" si="0"/>
        <v>0</v>
      </c>
      <c r="H53" s="420"/>
      <c r="I53" s="68"/>
    </row>
    <row r="54" spans="1:10" ht="32.65" hidden="1" customHeight="1" outlineLevel="1">
      <c r="A54" s="68"/>
      <c r="B54" s="275"/>
      <c r="C54" s="556"/>
      <c r="D54" s="557"/>
      <c r="E54" s="276"/>
      <c r="F54" s="277"/>
      <c r="G54" s="383">
        <f t="shared" si="0"/>
        <v>0</v>
      </c>
      <c r="H54" s="420"/>
      <c r="I54" s="68"/>
    </row>
    <row r="55" spans="1:10" ht="32.65" hidden="1" customHeight="1" outlineLevel="1">
      <c r="A55" s="68"/>
      <c r="B55" s="275"/>
      <c r="C55" s="556"/>
      <c r="D55" s="557"/>
      <c r="E55" s="276"/>
      <c r="F55" s="277"/>
      <c r="G55" s="383">
        <f t="shared" si="0"/>
        <v>0</v>
      </c>
      <c r="H55" s="420"/>
      <c r="I55" s="68"/>
    </row>
    <row r="56" spans="1:10" ht="32.65" hidden="1" customHeight="1" outlineLevel="1" thickBot="1">
      <c r="A56" s="68"/>
      <c r="B56" s="278"/>
      <c r="C56" s="591"/>
      <c r="D56" s="592"/>
      <c r="E56" s="279"/>
      <c r="F56" s="280"/>
      <c r="G56" s="385">
        <f t="shared" si="0"/>
        <v>0</v>
      </c>
      <c r="H56" s="421"/>
      <c r="I56" s="68"/>
    </row>
    <row r="57" spans="1:10" ht="32.65" customHeight="1" collapsed="1" thickBot="1">
      <c r="A57" s="68"/>
      <c r="B57" s="90"/>
      <c r="C57" s="90"/>
      <c r="D57" s="90"/>
      <c r="E57" s="90"/>
      <c r="F57" s="95" t="s">
        <v>54</v>
      </c>
      <c r="G57" s="158">
        <f>SUM(G47:G56)</f>
        <v>0</v>
      </c>
      <c r="H57" s="207"/>
      <c r="I57" s="68"/>
    </row>
    <row r="58" spans="1:10" ht="21.75" customHeight="1">
      <c r="A58" s="68"/>
      <c r="B58" s="90" t="s">
        <v>267</v>
      </c>
      <c r="C58" s="90"/>
      <c r="D58" s="90"/>
      <c r="E58" s="90"/>
      <c r="F58" s="95"/>
      <c r="G58" s="207"/>
      <c r="H58" s="207"/>
      <c r="I58" s="68"/>
    </row>
    <row r="59" spans="1:10" ht="15" customHeight="1">
      <c r="A59" s="159"/>
      <c r="B59" s="92"/>
      <c r="C59" s="92"/>
      <c r="D59" s="101"/>
      <c r="E59" s="160"/>
      <c r="F59" s="160"/>
      <c r="G59" s="161"/>
      <c r="H59" s="161"/>
      <c r="I59" s="162"/>
    </row>
    <row r="60" spans="1:10" ht="18" customHeight="1" thickBot="1">
      <c r="A60" s="68"/>
      <c r="B60" s="89" t="s">
        <v>180</v>
      </c>
      <c r="C60" s="90"/>
      <c r="D60" s="68"/>
      <c r="E60" s="90"/>
      <c r="F60" s="95"/>
      <c r="G60" s="97"/>
      <c r="H60" s="97"/>
      <c r="I60" s="68"/>
    </row>
    <row r="61" spans="1:10" ht="32.65" customHeight="1">
      <c r="A61" s="68"/>
      <c r="B61" s="797" t="s">
        <v>165</v>
      </c>
      <c r="C61" s="798"/>
      <c r="D61" s="68"/>
      <c r="E61" s="90"/>
      <c r="F61" s="95"/>
      <c r="G61" s="97"/>
      <c r="H61" s="97"/>
      <c r="I61" s="68"/>
    </row>
    <row r="62" spans="1:10" ht="32.65" customHeight="1" thickBot="1">
      <c r="A62" s="68"/>
      <c r="B62" s="790"/>
      <c r="C62" s="791"/>
      <c r="D62" s="90" t="s">
        <v>166</v>
      </c>
      <c r="E62" s="90"/>
      <c r="F62" s="95"/>
      <c r="G62" s="97"/>
      <c r="H62" s="97"/>
      <c r="I62" s="68"/>
      <c r="J62" s="434" t="s">
        <v>430</v>
      </c>
    </row>
    <row r="63" spans="1:10" ht="15" customHeight="1">
      <c r="A63" s="159"/>
      <c r="B63" s="92"/>
      <c r="C63" s="92"/>
      <c r="D63" s="101"/>
      <c r="E63" s="160"/>
      <c r="F63" s="160"/>
      <c r="G63" s="161"/>
      <c r="H63" s="161"/>
      <c r="I63" s="162"/>
    </row>
    <row r="64" spans="1:10" ht="18" customHeight="1" thickBot="1">
      <c r="A64" s="68"/>
      <c r="B64" s="583" t="s">
        <v>189</v>
      </c>
      <c r="C64" s="583"/>
      <c r="D64" s="583"/>
      <c r="E64" s="583"/>
      <c r="F64" s="583"/>
      <c r="G64" s="583"/>
      <c r="H64" s="327"/>
      <c r="I64" s="98"/>
    </row>
    <row r="65" spans="1:9" ht="32.65" customHeight="1">
      <c r="A65" s="68"/>
      <c r="B65" s="807" t="s">
        <v>21</v>
      </c>
      <c r="C65" s="808"/>
      <c r="D65" s="810" t="s">
        <v>62</v>
      </c>
      <c r="E65" s="810"/>
      <c r="F65" s="810"/>
      <c r="G65" s="810"/>
      <c r="H65" s="811"/>
      <c r="I65" s="99"/>
    </row>
    <row r="66" spans="1:9" ht="32.65" customHeight="1">
      <c r="A66" s="68"/>
      <c r="B66" s="786"/>
      <c r="C66" s="787"/>
      <c r="D66" s="163">
        <v>1</v>
      </c>
      <c r="E66" s="803" t="s">
        <v>63</v>
      </c>
      <c r="F66" s="803"/>
      <c r="G66" s="803"/>
      <c r="H66" s="804"/>
      <c r="I66" s="100"/>
    </row>
    <row r="67" spans="1:9" ht="32.65" customHeight="1">
      <c r="A67" s="68"/>
      <c r="B67" s="786"/>
      <c r="C67" s="787"/>
      <c r="D67" s="163">
        <v>2</v>
      </c>
      <c r="E67" s="803" t="s">
        <v>64</v>
      </c>
      <c r="F67" s="803"/>
      <c r="G67" s="803"/>
      <c r="H67" s="804"/>
      <c r="I67" s="100"/>
    </row>
    <row r="68" spans="1:9" ht="32.65" customHeight="1" thickBot="1">
      <c r="A68" s="68"/>
      <c r="B68" s="788"/>
      <c r="C68" s="789"/>
      <c r="D68" s="164">
        <v>3</v>
      </c>
      <c r="E68" s="805" t="s">
        <v>65</v>
      </c>
      <c r="F68" s="805"/>
      <c r="G68" s="805"/>
      <c r="H68" s="806"/>
      <c r="I68" s="100"/>
    </row>
    <row r="69" spans="1:9" ht="15" customHeight="1">
      <c r="A69" s="68"/>
      <c r="B69" s="68" t="s">
        <v>66</v>
      </c>
      <c r="C69" s="68"/>
      <c r="D69" s="68"/>
      <c r="E69" s="68"/>
      <c r="F69" s="68"/>
      <c r="G69" s="68"/>
      <c r="H69" s="68"/>
      <c r="I69" s="100"/>
    </row>
    <row r="70" spans="1:9" ht="15" customHeight="1">
      <c r="A70" s="68"/>
      <c r="B70" s="68"/>
      <c r="C70" s="68"/>
      <c r="D70" s="68"/>
      <c r="E70" s="68"/>
      <c r="F70" s="68"/>
      <c r="G70" s="68"/>
      <c r="H70" s="68"/>
      <c r="I70" s="100"/>
    </row>
    <row r="71" spans="1:9" ht="15.75" customHeight="1">
      <c r="A71" s="68"/>
      <c r="B71" s="593" t="s">
        <v>190</v>
      </c>
      <c r="C71" s="593"/>
      <c r="D71" s="593"/>
      <c r="E71" s="593"/>
      <c r="F71" s="593"/>
      <c r="G71" s="593"/>
      <c r="H71" s="326"/>
      <c r="I71" s="98"/>
    </row>
    <row r="72" spans="1:9" ht="32.65" customHeight="1" thickBot="1">
      <c r="A72" s="68"/>
      <c r="B72" s="551" t="s">
        <v>199</v>
      </c>
      <c r="C72" s="551"/>
      <c r="D72" s="551"/>
      <c r="E72" s="551"/>
      <c r="F72" s="551"/>
      <c r="G72" s="551"/>
      <c r="H72" s="330"/>
      <c r="I72" s="99"/>
    </row>
    <row r="73" spans="1:9" ht="32.65" customHeight="1">
      <c r="A73" s="68"/>
      <c r="B73" s="561" t="s">
        <v>258</v>
      </c>
      <c r="C73" s="562"/>
      <c r="D73" s="809" t="s">
        <v>407</v>
      </c>
      <c r="E73" s="562"/>
      <c r="F73" s="218" t="s">
        <v>182</v>
      </c>
      <c r="G73" s="336" t="s">
        <v>183</v>
      </c>
      <c r="H73" s="169" t="s">
        <v>332</v>
      </c>
      <c r="I73" s="100"/>
    </row>
    <row r="74" spans="1:9" ht="32.65" customHeight="1">
      <c r="A74" s="68"/>
      <c r="B74" s="779"/>
      <c r="C74" s="780"/>
      <c r="D74" s="781"/>
      <c r="E74" s="780"/>
      <c r="F74" s="266"/>
      <c r="G74" s="432"/>
      <c r="H74" s="352"/>
      <c r="I74" s="100"/>
    </row>
    <row r="75" spans="1:9" ht="32.65" customHeight="1">
      <c r="A75" s="68"/>
      <c r="B75" s="779"/>
      <c r="C75" s="780"/>
      <c r="D75" s="781"/>
      <c r="E75" s="780"/>
      <c r="F75" s="266"/>
      <c r="G75" s="355"/>
      <c r="H75" s="353"/>
      <c r="I75" s="100"/>
    </row>
    <row r="76" spans="1:9" ht="32.65" customHeight="1">
      <c r="A76" s="68"/>
      <c r="B76" s="779"/>
      <c r="C76" s="780"/>
      <c r="D76" s="781"/>
      <c r="E76" s="780"/>
      <c r="F76" s="266"/>
      <c r="G76" s="355"/>
      <c r="H76" s="353"/>
      <c r="I76" s="100"/>
    </row>
    <row r="77" spans="1:9" ht="32.65" customHeight="1">
      <c r="A77" s="68"/>
      <c r="B77" s="779"/>
      <c r="C77" s="780"/>
      <c r="D77" s="781"/>
      <c r="E77" s="780"/>
      <c r="F77" s="266"/>
      <c r="G77" s="355"/>
      <c r="H77" s="353"/>
      <c r="I77" s="100"/>
    </row>
    <row r="78" spans="1:9" ht="32.65" customHeight="1" thickBot="1">
      <c r="A78" s="68"/>
      <c r="B78" s="782"/>
      <c r="C78" s="783"/>
      <c r="D78" s="784"/>
      <c r="E78" s="783"/>
      <c r="F78" s="268"/>
      <c r="G78" s="357"/>
      <c r="H78" s="354"/>
      <c r="I78" s="100"/>
    </row>
    <row r="79" spans="1:9" ht="32.65" hidden="1" customHeight="1" outlineLevel="1">
      <c r="A79" s="68"/>
      <c r="B79" s="814"/>
      <c r="C79" s="813"/>
      <c r="D79" s="812"/>
      <c r="E79" s="813"/>
      <c r="F79" s="267"/>
      <c r="G79" s="356"/>
      <c r="H79" s="419"/>
      <c r="I79" s="100"/>
    </row>
    <row r="80" spans="1:9" ht="32.65" hidden="1" customHeight="1" outlineLevel="1">
      <c r="A80" s="68"/>
      <c r="B80" s="779"/>
      <c r="C80" s="780"/>
      <c r="D80" s="781"/>
      <c r="E80" s="780"/>
      <c r="F80" s="266"/>
      <c r="G80" s="355"/>
      <c r="H80" s="420"/>
      <c r="I80" s="100"/>
    </row>
    <row r="81" spans="1:9" ht="32.65" hidden="1" customHeight="1" outlineLevel="1">
      <c r="A81" s="68"/>
      <c r="B81" s="779"/>
      <c r="C81" s="780"/>
      <c r="D81" s="781"/>
      <c r="E81" s="780"/>
      <c r="F81" s="266"/>
      <c r="G81" s="355"/>
      <c r="H81" s="420"/>
      <c r="I81" s="100"/>
    </row>
    <row r="82" spans="1:9" ht="32.65" hidden="1" customHeight="1" outlineLevel="1">
      <c r="A82" s="68"/>
      <c r="B82" s="779"/>
      <c r="C82" s="780"/>
      <c r="D82" s="781"/>
      <c r="E82" s="780"/>
      <c r="F82" s="266"/>
      <c r="G82" s="355"/>
      <c r="H82" s="420"/>
      <c r="I82" s="100"/>
    </row>
    <row r="83" spans="1:9" ht="32.65" hidden="1" customHeight="1" outlineLevel="1" thickBot="1">
      <c r="A83" s="68"/>
      <c r="B83" s="782"/>
      <c r="C83" s="783"/>
      <c r="D83" s="784"/>
      <c r="E83" s="783"/>
      <c r="F83" s="268"/>
      <c r="G83" s="357"/>
      <c r="H83" s="421"/>
      <c r="I83" s="100"/>
    </row>
    <row r="84" spans="1:9" ht="15" customHeight="1" collapsed="1">
      <c r="A84" s="68"/>
      <c r="B84" s="101"/>
      <c r="C84" s="101"/>
      <c r="D84" s="101"/>
      <c r="E84" s="101"/>
      <c r="F84" s="102"/>
      <c r="G84" s="102"/>
      <c r="H84" s="102"/>
      <c r="I84" s="100"/>
    </row>
    <row r="85" spans="1:9" ht="24" customHeight="1">
      <c r="A85" s="120" t="s">
        <v>67</v>
      </c>
      <c r="B85" s="110"/>
      <c r="C85" s="119"/>
      <c r="D85" s="119"/>
      <c r="E85" s="119"/>
      <c r="F85" s="119"/>
      <c r="G85" s="119"/>
      <c r="H85" s="119"/>
      <c r="I85" s="119"/>
    </row>
    <row r="86" spans="1:9" ht="45" customHeight="1" thickBot="1">
      <c r="A86" s="68"/>
      <c r="B86" s="551" t="s">
        <v>251</v>
      </c>
      <c r="C86" s="551"/>
      <c r="D86" s="551"/>
      <c r="E86" s="551"/>
      <c r="F86" s="551"/>
      <c r="G86" s="551"/>
      <c r="H86" s="551"/>
      <c r="I86" s="68"/>
    </row>
    <row r="87" spans="1:9" ht="90" customHeight="1" thickBot="1">
      <c r="A87" s="68"/>
      <c r="B87" s="558"/>
      <c r="C87" s="559"/>
      <c r="D87" s="559"/>
      <c r="E87" s="559"/>
      <c r="F87" s="559"/>
      <c r="G87" s="559"/>
      <c r="H87" s="560"/>
      <c r="I87" s="68"/>
    </row>
    <row r="88" spans="1:9" ht="32.65" customHeight="1">
      <c r="A88" s="68"/>
      <c r="B88" s="587" t="s">
        <v>231</v>
      </c>
      <c r="C88" s="587"/>
      <c r="D88" s="587"/>
      <c r="E88" s="587"/>
      <c r="F88" s="587"/>
      <c r="G88" s="587"/>
      <c r="H88" s="323"/>
      <c r="I88" s="68"/>
    </row>
    <row r="89" spans="1:9" ht="24" customHeight="1">
      <c r="A89" s="68"/>
      <c r="B89" s="785" t="s">
        <v>191</v>
      </c>
      <c r="C89" s="785"/>
      <c r="D89" s="785"/>
      <c r="E89" s="785"/>
      <c r="F89" s="785"/>
      <c r="G89" s="785"/>
      <c r="H89" s="329"/>
      <c r="I89" s="68"/>
    </row>
    <row r="90" spans="1:9" ht="15" customHeight="1">
      <c r="A90" s="68"/>
      <c r="B90" s="68"/>
      <c r="C90" s="68"/>
      <c r="D90" s="68"/>
      <c r="E90" s="68"/>
      <c r="F90" s="68"/>
      <c r="G90" s="68"/>
      <c r="H90" s="68"/>
      <c r="I90" s="68"/>
    </row>
    <row r="91" spans="1:9" ht="24" customHeight="1">
      <c r="A91" s="120" t="s">
        <v>74</v>
      </c>
      <c r="B91" s="110"/>
      <c r="C91" s="119"/>
      <c r="D91" s="119"/>
      <c r="E91" s="119"/>
      <c r="F91" s="119"/>
      <c r="G91" s="119"/>
      <c r="H91" s="119"/>
      <c r="I91" s="119"/>
    </row>
    <row r="92" spans="1:9" ht="32.65" customHeight="1" thickBot="1">
      <c r="A92" s="68"/>
      <c r="B92" s="551" t="s">
        <v>68</v>
      </c>
      <c r="C92" s="551"/>
      <c r="D92" s="551"/>
      <c r="E92" s="551"/>
      <c r="F92" s="551"/>
      <c r="G92" s="551"/>
      <c r="H92" s="551"/>
      <c r="I92" s="68"/>
    </row>
    <row r="93" spans="1:9" ht="90" customHeight="1" thickBot="1">
      <c r="A93" s="68"/>
      <c r="B93" s="558"/>
      <c r="C93" s="559"/>
      <c r="D93" s="559"/>
      <c r="E93" s="559"/>
      <c r="F93" s="559"/>
      <c r="G93" s="559"/>
      <c r="H93" s="560"/>
      <c r="I93" s="68"/>
    </row>
    <row r="94" spans="1:9" ht="15" customHeight="1">
      <c r="A94" s="68"/>
      <c r="B94" s="101"/>
      <c r="C94" s="101"/>
      <c r="D94" s="101"/>
      <c r="E94" s="101"/>
      <c r="F94" s="101"/>
      <c r="G94" s="101"/>
      <c r="H94" s="101"/>
      <c r="I94" s="68"/>
    </row>
    <row r="95" spans="1:9" ht="24" customHeight="1">
      <c r="A95" s="120" t="s">
        <v>110</v>
      </c>
      <c r="B95" s="110"/>
      <c r="C95" s="119"/>
      <c r="D95" s="119"/>
      <c r="E95" s="119"/>
      <c r="F95" s="119"/>
      <c r="G95" s="119"/>
      <c r="H95" s="119"/>
      <c r="I95" s="119"/>
    </row>
    <row r="96" spans="1:9" ht="28.9" customHeight="1" thickBot="1">
      <c r="A96" s="68"/>
      <c r="B96" s="552" t="s">
        <v>429</v>
      </c>
      <c r="C96" s="552"/>
      <c r="D96" s="552"/>
      <c r="E96" s="552"/>
      <c r="F96" s="552"/>
      <c r="G96" s="552"/>
      <c r="H96" s="552"/>
      <c r="I96" s="68"/>
    </row>
    <row r="97" spans="1:9" ht="32.65" customHeight="1">
      <c r="A97" s="68"/>
      <c r="B97" s="167" t="s">
        <v>336</v>
      </c>
      <c r="C97" s="373" t="s">
        <v>258</v>
      </c>
      <c r="D97" s="168" t="s">
        <v>433</v>
      </c>
      <c r="E97" s="168" t="s">
        <v>182</v>
      </c>
      <c r="F97" s="168" t="s">
        <v>244</v>
      </c>
      <c r="G97" s="344" t="s">
        <v>179</v>
      </c>
      <c r="H97" s="169" t="s">
        <v>332</v>
      </c>
      <c r="I97" s="68"/>
    </row>
    <row r="98" spans="1:9" ht="32.65" customHeight="1">
      <c r="A98" s="68"/>
      <c r="B98" s="255"/>
      <c r="C98" s="388"/>
      <c r="D98" s="388"/>
      <c r="E98" s="273"/>
      <c r="F98" s="274"/>
      <c r="G98" s="383">
        <f>E98*F98</f>
        <v>0</v>
      </c>
      <c r="H98" s="352"/>
      <c r="I98" s="68"/>
    </row>
    <row r="99" spans="1:9" ht="32.65" customHeight="1">
      <c r="A99" s="68"/>
      <c r="B99" s="256"/>
      <c r="C99" s="388"/>
      <c r="D99" s="388"/>
      <c r="E99" s="276"/>
      <c r="F99" s="277"/>
      <c r="G99" s="383">
        <f t="shared" ref="G99:G107" si="1">E99*F99</f>
        <v>0</v>
      </c>
      <c r="H99" s="353"/>
      <c r="I99" s="68"/>
    </row>
    <row r="100" spans="1:9" ht="32.65" customHeight="1">
      <c r="A100" s="68"/>
      <c r="B100" s="256"/>
      <c r="C100" s="388"/>
      <c r="D100" s="388"/>
      <c r="E100" s="276"/>
      <c r="F100" s="277"/>
      <c r="G100" s="383">
        <f t="shared" si="1"/>
        <v>0</v>
      </c>
      <c r="H100" s="353"/>
      <c r="I100" s="68"/>
    </row>
    <row r="101" spans="1:9" ht="32.65" customHeight="1">
      <c r="A101" s="68"/>
      <c r="B101" s="256"/>
      <c r="C101" s="388"/>
      <c r="D101" s="388"/>
      <c r="E101" s="276"/>
      <c r="F101" s="277"/>
      <c r="G101" s="383">
        <f t="shared" si="1"/>
        <v>0</v>
      </c>
      <c r="H101" s="353"/>
      <c r="I101" s="68"/>
    </row>
    <row r="102" spans="1:9" ht="32.65" customHeight="1" thickBot="1">
      <c r="A102" s="68"/>
      <c r="B102" s="257"/>
      <c r="C102" s="389"/>
      <c r="D102" s="389"/>
      <c r="E102" s="279"/>
      <c r="F102" s="280"/>
      <c r="G102" s="385">
        <f t="shared" si="1"/>
        <v>0</v>
      </c>
      <c r="H102" s="354"/>
      <c r="I102" s="68"/>
    </row>
    <row r="103" spans="1:9" ht="32.65" hidden="1" customHeight="1" outlineLevel="1">
      <c r="A103" s="68"/>
      <c r="B103" s="258"/>
      <c r="C103" s="390"/>
      <c r="D103" s="390"/>
      <c r="E103" s="282"/>
      <c r="F103" s="283"/>
      <c r="G103" s="384">
        <f t="shared" si="1"/>
        <v>0</v>
      </c>
      <c r="H103" s="419"/>
      <c r="I103" s="68"/>
    </row>
    <row r="104" spans="1:9" ht="32.65" hidden="1" customHeight="1" outlineLevel="1">
      <c r="A104" s="68"/>
      <c r="B104" s="256"/>
      <c r="C104" s="388"/>
      <c r="D104" s="388"/>
      <c r="E104" s="276"/>
      <c r="F104" s="277"/>
      <c r="G104" s="383">
        <f t="shared" si="1"/>
        <v>0</v>
      </c>
      <c r="H104" s="420"/>
      <c r="I104" s="68"/>
    </row>
    <row r="105" spans="1:9" ht="32.65" hidden="1" customHeight="1" outlineLevel="1">
      <c r="A105" s="68"/>
      <c r="B105" s="256"/>
      <c r="C105" s="388"/>
      <c r="D105" s="388"/>
      <c r="E105" s="276"/>
      <c r="F105" s="277"/>
      <c r="G105" s="383">
        <f>E105*F105</f>
        <v>0</v>
      </c>
      <c r="H105" s="420"/>
      <c r="I105" s="68"/>
    </row>
    <row r="106" spans="1:9" ht="32.65" hidden="1" customHeight="1" outlineLevel="1">
      <c r="A106" s="68"/>
      <c r="B106" s="256"/>
      <c r="C106" s="388"/>
      <c r="D106" s="388"/>
      <c r="E106" s="276"/>
      <c r="F106" s="277"/>
      <c r="G106" s="383">
        <f t="shared" si="1"/>
        <v>0</v>
      </c>
      <c r="H106" s="420"/>
      <c r="I106" s="68"/>
    </row>
    <row r="107" spans="1:9" ht="32.65" hidden="1" customHeight="1" outlineLevel="1" thickBot="1">
      <c r="A107" s="68"/>
      <c r="B107" s="257"/>
      <c r="C107" s="389"/>
      <c r="D107" s="389"/>
      <c r="E107" s="279"/>
      <c r="F107" s="280"/>
      <c r="G107" s="385">
        <f t="shared" si="1"/>
        <v>0</v>
      </c>
      <c r="H107" s="421"/>
      <c r="I107" s="68"/>
    </row>
    <row r="108" spans="1:9" ht="32.65" customHeight="1" collapsed="1" thickBot="1">
      <c r="A108" s="68"/>
      <c r="B108" s="90"/>
      <c r="C108" s="90"/>
      <c r="D108" s="90"/>
      <c r="E108" s="90"/>
      <c r="F108" s="95" t="s">
        <v>54</v>
      </c>
      <c r="G108" s="158">
        <f>SUM(G98:G107)</f>
        <v>0</v>
      </c>
      <c r="H108" s="207"/>
      <c r="I108" s="68"/>
    </row>
    <row r="109" spans="1:9" ht="15" customHeight="1">
      <c r="A109" s="68"/>
      <c r="B109" s="90"/>
      <c r="C109" s="90"/>
      <c r="D109" s="90"/>
      <c r="E109" s="90"/>
      <c r="F109" s="95"/>
      <c r="G109" s="165"/>
      <c r="H109" s="382"/>
      <c r="I109" s="68"/>
    </row>
    <row r="110" spans="1:9" ht="37.5" customHeight="1" thickBot="1">
      <c r="A110" s="68"/>
      <c r="B110" s="570" t="s">
        <v>101</v>
      </c>
      <c r="C110" s="570"/>
      <c r="D110" s="570"/>
      <c r="E110" s="570"/>
      <c r="F110" s="570"/>
      <c r="G110" s="570"/>
      <c r="H110" s="570"/>
      <c r="I110" s="68"/>
    </row>
    <row r="111" spans="1:9" ht="90" customHeight="1" thickBot="1">
      <c r="A111" s="68"/>
      <c r="B111" s="558"/>
      <c r="C111" s="559"/>
      <c r="D111" s="559"/>
      <c r="E111" s="559"/>
      <c r="F111" s="559"/>
      <c r="G111" s="559"/>
      <c r="H111" s="560"/>
      <c r="I111" s="68"/>
    </row>
    <row r="112" spans="1:9">
      <c r="A112" s="68"/>
      <c r="B112" s="68"/>
      <c r="C112" s="68"/>
      <c r="D112" s="68"/>
      <c r="E112" s="68"/>
      <c r="F112" s="68"/>
      <c r="G112" s="68"/>
      <c r="H112" s="68"/>
      <c r="I112" s="68"/>
    </row>
  </sheetData>
  <sheetProtection sheet="1" objects="1" scenarios="1"/>
  <customSheetViews>
    <customSheetView guid="{75F8A93C-F5BA-4FE5-85C6-88804E4D71E6}" showPageBreaks="1" fitToPage="1" printArea="1" hiddenRows="1" view="pageBreakPreview" topLeftCell="A29">
      <selection activeCell="B40" sqref="B40"/>
      <rowBreaks count="1" manualBreakCount="1">
        <brk id="68" max="6" man="1"/>
      </rowBreaks>
      <pageMargins left="0.7" right="0.7" top="0.75" bottom="0.75" header="0.3" footer="0.3"/>
      <pageSetup paperSize="9" scale="82" fitToHeight="0" orientation="portrait" r:id="rId1"/>
    </customSheetView>
  </customSheetViews>
  <mergeCells count="87">
    <mergeCell ref="B73:C73"/>
    <mergeCell ref="D73:E73"/>
    <mergeCell ref="D65:H65"/>
    <mergeCell ref="B72:G72"/>
    <mergeCell ref="B82:C82"/>
    <mergeCell ref="D79:E79"/>
    <mergeCell ref="D80:E80"/>
    <mergeCell ref="D81:E81"/>
    <mergeCell ref="D82:E82"/>
    <mergeCell ref="D77:E77"/>
    <mergeCell ref="D78:E78"/>
    <mergeCell ref="B77:C77"/>
    <mergeCell ref="B78:C78"/>
    <mergeCell ref="B79:C79"/>
    <mergeCell ref="B80:C80"/>
    <mergeCell ref="B74:C74"/>
    <mergeCell ref="C55:D55"/>
    <mergeCell ref="E67:H67"/>
    <mergeCell ref="E68:H68"/>
    <mergeCell ref="B71:G71"/>
    <mergeCell ref="E66:H66"/>
    <mergeCell ref="B64:G64"/>
    <mergeCell ref="B65:C65"/>
    <mergeCell ref="D21:H21"/>
    <mergeCell ref="D22:H22"/>
    <mergeCell ref="C26:H26"/>
    <mergeCell ref="D27:H27"/>
    <mergeCell ref="D28:H28"/>
    <mergeCell ref="B23:G23"/>
    <mergeCell ref="B25:G25"/>
    <mergeCell ref="C53:D53"/>
    <mergeCell ref="C54:D54"/>
    <mergeCell ref="C46:D46"/>
    <mergeCell ref="C47:D47"/>
    <mergeCell ref="B29:H29"/>
    <mergeCell ref="B30:H30"/>
    <mergeCell ref="B43:C43"/>
    <mergeCell ref="C49:D49"/>
    <mergeCell ref="B45:G45"/>
    <mergeCell ref="C51:D51"/>
    <mergeCell ref="C52:D52"/>
    <mergeCell ref="D35:H35"/>
    <mergeCell ref="G6:H6"/>
    <mergeCell ref="B11:G11"/>
    <mergeCell ref="G3:H3"/>
    <mergeCell ref="G4:H4"/>
    <mergeCell ref="G5:H5"/>
    <mergeCell ref="B8:H8"/>
    <mergeCell ref="C12:H12"/>
    <mergeCell ref="D13:H13"/>
    <mergeCell ref="B66:C66"/>
    <mergeCell ref="B67:C67"/>
    <mergeCell ref="B68:C68"/>
    <mergeCell ref="B62:C62"/>
    <mergeCell ref="C50:D50"/>
    <mergeCell ref="C56:D56"/>
    <mergeCell ref="B41:G41"/>
    <mergeCell ref="B34:C34"/>
    <mergeCell ref="B35:C35"/>
    <mergeCell ref="B39:C39"/>
    <mergeCell ref="B38:C38"/>
    <mergeCell ref="B42:C42"/>
    <mergeCell ref="B61:C61"/>
    <mergeCell ref="C48:D48"/>
    <mergeCell ref="D14:H14"/>
    <mergeCell ref="D15:H15"/>
    <mergeCell ref="D16:H16"/>
    <mergeCell ref="B17:H17"/>
    <mergeCell ref="C20:H20"/>
    <mergeCell ref="B19:G19"/>
    <mergeCell ref="B111:H111"/>
    <mergeCell ref="B88:G88"/>
    <mergeCell ref="B89:G89"/>
    <mergeCell ref="B93:H93"/>
    <mergeCell ref="B92:H92"/>
    <mergeCell ref="B110:H110"/>
    <mergeCell ref="B96:H96"/>
    <mergeCell ref="B87:H87"/>
    <mergeCell ref="B86:H86"/>
    <mergeCell ref="B81:C81"/>
    <mergeCell ref="B83:C83"/>
    <mergeCell ref="D83:E83"/>
    <mergeCell ref="B75:C75"/>
    <mergeCell ref="B76:C76"/>
    <mergeCell ref="D74:E74"/>
    <mergeCell ref="D75:E75"/>
    <mergeCell ref="D76:E76"/>
  </mergeCells>
  <phoneticPr fontId="2"/>
  <conditionalFormatting sqref="B17">
    <cfRule type="expression" dxfId="59" priority="13">
      <formula>$B$16="〇"</formula>
    </cfRule>
    <cfRule type="expression" dxfId="58" priority="14">
      <formula>$B$15="〇"</formula>
    </cfRule>
    <cfRule type="expression" dxfId="57" priority="15">
      <formula>$B$14="〇"</formula>
    </cfRule>
  </conditionalFormatting>
  <conditionalFormatting sqref="B23:H23">
    <cfRule type="expression" dxfId="56" priority="12">
      <formula>$B$22="〇"</formula>
    </cfRule>
  </conditionalFormatting>
  <conditionalFormatting sqref="B29">
    <cfRule type="expression" dxfId="55" priority="11">
      <formula>$B$28="〇"</formula>
    </cfRule>
  </conditionalFormatting>
  <conditionalFormatting sqref="B69">
    <cfRule type="expression" dxfId="54" priority="10">
      <formula>$B$68="〇"</formula>
    </cfRule>
  </conditionalFormatting>
  <conditionalFormatting sqref="B13:B16 B27:B28 B35:C35 B39:C39 B43:C43 G57:H58 B62:C62 B66:C68 B87 B93 G108:H108 B111 B47:G56 B74:B83 F74:G83 D74:D83 B98:G107">
    <cfRule type="expression" dxfId="53" priority="9">
      <formula>$B$22="〇"</formula>
    </cfRule>
  </conditionalFormatting>
  <conditionalFormatting sqref="B13:B16 B21:B22 B27:B28 B35:C35 B39:C39 B43:C43 G57:H58 B62:C62 B87 B93 G108:H108 B111 B47:G56 B74:B83 F74:G83 D74:D83 B98:G107">
    <cfRule type="expression" dxfId="52" priority="8">
      <formula>$B$68="〇"</formula>
    </cfRule>
  </conditionalFormatting>
  <conditionalFormatting sqref="H52:H56">
    <cfRule type="expression" dxfId="51" priority="7">
      <formula>$B$22="〇"</formula>
    </cfRule>
  </conditionalFormatting>
  <conditionalFormatting sqref="H47:H51">
    <cfRule type="expression" dxfId="50" priority="6">
      <formula>$B$22="〇"</formula>
    </cfRule>
  </conditionalFormatting>
  <conditionalFormatting sqref="H79:H83">
    <cfRule type="expression" dxfId="49" priority="5">
      <formula>$B$22="〇"</formula>
    </cfRule>
  </conditionalFormatting>
  <conditionalFormatting sqref="H74:H78">
    <cfRule type="expression" dxfId="48" priority="4">
      <formula>$B$22="〇"</formula>
    </cfRule>
  </conditionalFormatting>
  <conditionalFormatting sqref="H103:H107">
    <cfRule type="expression" dxfId="47" priority="3">
      <formula>$B$22="〇"</formula>
    </cfRule>
  </conditionalFormatting>
  <conditionalFormatting sqref="H98:H102">
    <cfRule type="expression" dxfId="46" priority="2">
      <formula>$B$22="〇"</formula>
    </cfRule>
  </conditionalFormatting>
  <conditionalFormatting sqref="D35:H35">
    <cfRule type="expression" dxfId="1" priority="1">
      <formula>$B$35=$J$35</formula>
    </cfRule>
  </conditionalFormatting>
  <dataValidations xWindow="165" yWindow="912" count="6">
    <dataValidation type="list" allowBlank="1" showInputMessage="1" showErrorMessage="1" sqref="B27 B13:B16 B21 B66:B67">
      <formula1>"〇"</formula1>
    </dataValidation>
    <dataValidation type="list" allowBlank="1" showInputMessage="1" showErrorMessage="1" sqref="B36">
      <formula1>$J$33:$J$34</formula1>
    </dataValidation>
    <dataValidation type="list" allowBlank="1" showInputMessage="1" showErrorMessage="1" promptTitle="注意" prompt="競争的手続き（相見積りや入札など）を行わない場合、補助対象外となります。" sqref="B22">
      <formula1>"〇"</formula1>
    </dataValidation>
    <dataValidation type="list" allowBlank="1" showInputMessage="1" showErrorMessage="1" promptTitle="注意" prompt="申請機器によっては、財産処分制限期間の残年数に応じた補助額の返還が必要となります。" sqref="B28">
      <formula1>"〇"</formula1>
    </dataValidation>
    <dataValidation type="list" allowBlank="1" showInputMessage="1" showErrorMessage="1" promptTitle="注意" prompt="感染症患者搬送用、発熱外来での患者診察用以外に使用する場合は補助対象外となります。" sqref="B68:C68">
      <formula1>"〇"</formula1>
    </dataValidation>
    <dataValidation type="list" allowBlank="1" showInputMessage="1" showErrorMessage="1" sqref="B35:C35">
      <formula1>$J$33:$J$35</formula1>
    </dataValidation>
  </dataValidations>
  <printOptions horizontalCentered="1"/>
  <pageMargins left="0.70866141732283472" right="0.70866141732283472" top="0.74803149606299213" bottom="0.74803149606299213" header="0.31496062992125984" footer="0.31496062992125984"/>
  <pageSetup paperSize="9" scale="72" fitToHeight="3" orientation="portrait" r:id="rId2"/>
  <rowBreaks count="2" manualBreakCount="2">
    <brk id="40" max="8" man="1"/>
    <brk id="84" max="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AX138"/>
  <sheetViews>
    <sheetView showZeros="0" view="pageBreakPreview" zoomScaleNormal="100" zoomScaleSheetLayoutView="100" workbookViewId="0">
      <selection activeCell="C36" sqref="C36"/>
    </sheetView>
  </sheetViews>
  <sheetFormatPr defaultColWidth="2.75" defaultRowHeight="14.25" outlineLevelRow="1"/>
  <cols>
    <col min="1" max="5" width="2.75" style="67"/>
    <col min="6" max="6" width="4.25" style="67" customWidth="1"/>
    <col min="7" max="8" width="3.75" style="67" bestFit="1" customWidth="1"/>
    <col min="9" max="26" width="2.75" style="67"/>
    <col min="27" max="27" width="3.75" style="67" customWidth="1"/>
    <col min="28" max="29" width="4" style="67" customWidth="1"/>
    <col min="30" max="30" width="3.75" style="67" customWidth="1"/>
    <col min="31" max="31" width="12.5" style="67" customWidth="1"/>
    <col min="32" max="33" width="2.75" style="67"/>
    <col min="34" max="34" width="21.125" style="67" customWidth="1"/>
    <col min="35" max="35" width="13.25" style="67" customWidth="1"/>
    <col min="36" max="16384" width="2.75" style="67"/>
  </cols>
  <sheetData>
    <row r="1" spans="1:36" ht="42" customHeight="1">
      <c r="A1" s="857" t="s">
        <v>192</v>
      </c>
      <c r="B1" s="857"/>
      <c r="C1" s="857"/>
      <c r="D1" s="857"/>
      <c r="E1" s="857"/>
      <c r="F1" s="857"/>
      <c r="G1" s="857"/>
      <c r="H1" s="857"/>
      <c r="I1" s="857"/>
      <c r="J1" s="857"/>
      <c r="K1" s="857"/>
      <c r="L1" s="857"/>
      <c r="M1" s="857"/>
      <c r="N1" s="857"/>
      <c r="O1" s="857"/>
      <c r="P1" s="857"/>
      <c r="Q1" s="857"/>
      <c r="R1" s="857"/>
      <c r="S1" s="857"/>
      <c r="T1" s="857"/>
      <c r="U1" s="857"/>
      <c r="V1" s="857"/>
      <c r="W1" s="857"/>
      <c r="X1" s="857"/>
      <c r="Y1" s="857"/>
      <c r="Z1" s="857"/>
      <c r="AA1" s="857"/>
      <c r="AB1" s="857"/>
      <c r="AC1" s="857"/>
      <c r="AD1" s="857"/>
      <c r="AE1" s="857"/>
      <c r="AF1" s="857"/>
      <c r="AG1" s="68"/>
    </row>
    <row r="2" spans="1:36" ht="17.649999999999999" customHeight="1" thickBot="1">
      <c r="A2" s="68"/>
      <c r="B2" s="68"/>
      <c r="C2" s="68"/>
      <c r="D2" s="68"/>
      <c r="E2" s="68"/>
      <c r="F2" s="68"/>
      <c r="G2" s="68"/>
      <c r="H2" s="68"/>
      <c r="I2" s="68"/>
      <c r="J2" s="68"/>
      <c r="K2" s="68"/>
      <c r="L2" s="68"/>
      <c r="M2" s="68"/>
      <c r="N2" s="68"/>
      <c r="O2" s="68"/>
      <c r="P2" s="68"/>
      <c r="Q2" s="68"/>
      <c r="R2" s="68"/>
      <c r="S2" s="68"/>
      <c r="T2" s="68"/>
      <c r="U2" s="68"/>
      <c r="V2" s="68"/>
      <c r="W2" s="68"/>
      <c r="X2" s="68"/>
      <c r="Y2" s="68"/>
      <c r="Z2" s="68"/>
      <c r="AA2" s="68"/>
      <c r="AB2" s="68"/>
      <c r="AC2" s="68"/>
      <c r="AD2" s="68"/>
      <c r="AE2" s="68"/>
      <c r="AF2" s="68"/>
      <c r="AG2" s="68"/>
    </row>
    <row r="3" spans="1:36" ht="28.15" customHeight="1" thickBot="1">
      <c r="A3" s="125"/>
      <c r="B3" s="125"/>
      <c r="C3" s="125"/>
      <c r="D3" s="125"/>
      <c r="E3" s="125"/>
      <c r="F3" s="125"/>
      <c r="G3" s="125"/>
      <c r="H3" s="125"/>
      <c r="I3" s="125"/>
      <c r="J3" s="125"/>
      <c r="K3" s="125"/>
      <c r="L3" s="125"/>
      <c r="M3" s="125"/>
      <c r="N3" s="125"/>
      <c r="Q3" s="875" t="s">
        <v>49</v>
      </c>
      <c r="R3" s="876"/>
      <c r="S3" s="876"/>
      <c r="T3" s="877"/>
      <c r="U3" s="872">
        <f>基礎情報!$D$9</f>
        <v>0</v>
      </c>
      <c r="V3" s="873"/>
      <c r="W3" s="873"/>
      <c r="X3" s="873"/>
      <c r="Y3" s="873"/>
      <c r="Z3" s="873"/>
      <c r="AA3" s="873"/>
      <c r="AB3" s="873"/>
      <c r="AC3" s="873"/>
      <c r="AD3" s="873"/>
      <c r="AE3" s="874"/>
      <c r="AF3" s="125"/>
      <c r="AG3" s="125"/>
    </row>
    <row r="4" spans="1:36" ht="28.15" customHeight="1" thickBot="1">
      <c r="A4" s="125"/>
      <c r="B4" s="125"/>
      <c r="C4" s="125"/>
      <c r="D4" s="125"/>
      <c r="E4" s="125"/>
      <c r="F4" s="125"/>
      <c r="G4" s="125"/>
      <c r="H4" s="125"/>
      <c r="I4" s="125"/>
      <c r="J4" s="125"/>
      <c r="K4" s="125"/>
      <c r="L4" s="125"/>
      <c r="M4" s="125"/>
      <c r="N4" s="125"/>
      <c r="Q4" s="875" t="s">
        <v>196</v>
      </c>
      <c r="R4" s="876"/>
      <c r="S4" s="876"/>
      <c r="T4" s="877"/>
      <c r="U4" s="872">
        <f>基礎情報!$D$6</f>
        <v>0</v>
      </c>
      <c r="V4" s="873"/>
      <c r="W4" s="873"/>
      <c r="X4" s="873"/>
      <c r="Y4" s="873"/>
      <c r="Z4" s="873"/>
      <c r="AA4" s="873"/>
      <c r="AB4" s="873"/>
      <c r="AC4" s="873"/>
      <c r="AD4" s="873"/>
      <c r="AE4" s="874"/>
      <c r="AF4" s="125"/>
      <c r="AG4" s="125"/>
    </row>
    <row r="5" spans="1:36" ht="28.15" customHeight="1" thickBot="1">
      <c r="A5" s="125"/>
      <c r="B5" s="125"/>
      <c r="C5" s="125"/>
      <c r="D5" s="125"/>
      <c r="E5" s="125"/>
      <c r="F5" s="125"/>
      <c r="G5" s="125"/>
      <c r="H5" s="125"/>
      <c r="I5" s="125"/>
      <c r="J5" s="125"/>
      <c r="K5" s="125"/>
      <c r="L5" s="125"/>
      <c r="M5" s="125"/>
      <c r="N5" s="125"/>
      <c r="Q5" s="875" t="s">
        <v>198</v>
      </c>
      <c r="R5" s="876"/>
      <c r="S5" s="876"/>
      <c r="T5" s="877"/>
      <c r="U5" s="872">
        <f>基礎情報!$D$19</f>
        <v>0</v>
      </c>
      <c r="V5" s="873"/>
      <c r="W5" s="873"/>
      <c r="X5" s="873"/>
      <c r="Y5" s="873"/>
      <c r="Z5" s="873"/>
      <c r="AA5" s="873"/>
      <c r="AB5" s="873"/>
      <c r="AC5" s="873"/>
      <c r="AD5" s="873"/>
      <c r="AE5" s="874"/>
      <c r="AF5" s="125"/>
      <c r="AG5" s="125"/>
    </row>
    <row r="6" spans="1:36" ht="28.15" customHeight="1" thickBot="1">
      <c r="A6" s="125"/>
      <c r="B6" s="125"/>
      <c r="C6" s="125"/>
      <c r="D6" s="125"/>
      <c r="E6" s="125"/>
      <c r="F6" s="125"/>
      <c r="G6" s="125"/>
      <c r="H6" s="125"/>
      <c r="I6" s="125"/>
      <c r="J6" s="125"/>
      <c r="K6" s="125"/>
      <c r="L6" s="125"/>
      <c r="M6" s="125"/>
      <c r="N6" s="125"/>
      <c r="O6" s="125"/>
      <c r="Q6" s="878" t="s">
        <v>50</v>
      </c>
      <c r="R6" s="879"/>
      <c r="S6" s="879"/>
      <c r="T6" s="880"/>
      <c r="U6" s="906">
        <f>基礎情報!$D$20</f>
        <v>0</v>
      </c>
      <c r="V6" s="906"/>
      <c r="W6" s="906"/>
      <c r="X6" s="906"/>
      <c r="Y6" s="906"/>
      <c r="Z6" s="906"/>
      <c r="AA6" s="906"/>
      <c r="AB6" s="906"/>
      <c r="AC6" s="906"/>
      <c r="AD6" s="906"/>
      <c r="AE6" s="600"/>
      <c r="AF6" s="125"/>
      <c r="AG6" s="125"/>
      <c r="AJ6" s="67" t="s">
        <v>51</v>
      </c>
    </row>
    <row r="7" spans="1:36" ht="15" customHeight="1">
      <c r="A7" s="125"/>
      <c r="B7" s="125"/>
      <c r="C7" s="125"/>
      <c r="D7" s="125"/>
      <c r="E7" s="125"/>
      <c r="F7" s="125"/>
      <c r="G7" s="125"/>
      <c r="H7" s="125"/>
      <c r="I7" s="125"/>
      <c r="J7" s="125"/>
      <c r="K7" s="125"/>
      <c r="L7" s="125"/>
      <c r="M7" s="125"/>
      <c r="N7" s="125"/>
      <c r="O7" s="125"/>
      <c r="P7" s="126"/>
      <c r="Q7" s="126"/>
      <c r="R7" s="126"/>
      <c r="S7" s="126"/>
      <c r="T7" s="215"/>
      <c r="U7" s="215"/>
      <c r="V7" s="215"/>
      <c r="W7" s="215"/>
      <c r="X7" s="215"/>
      <c r="Y7" s="215"/>
      <c r="Z7" s="215"/>
      <c r="AA7" s="215"/>
      <c r="AB7" s="215"/>
      <c r="AC7" s="215"/>
      <c r="AD7" s="215"/>
      <c r="AE7" s="334"/>
      <c r="AF7" s="125"/>
      <c r="AG7" s="125"/>
    </row>
    <row r="8" spans="1:36" ht="46.9" customHeight="1">
      <c r="A8" s="68"/>
      <c r="B8" s="68"/>
      <c r="C8" s="785" t="s">
        <v>232</v>
      </c>
      <c r="D8" s="785"/>
      <c r="E8" s="785"/>
      <c r="F8" s="785"/>
      <c r="G8" s="785"/>
      <c r="H8" s="785"/>
      <c r="I8" s="785"/>
      <c r="J8" s="785"/>
      <c r="K8" s="785"/>
      <c r="L8" s="785"/>
      <c r="M8" s="785"/>
      <c r="N8" s="785"/>
      <c r="O8" s="785"/>
      <c r="P8" s="785"/>
      <c r="Q8" s="785"/>
      <c r="R8" s="785"/>
      <c r="S8" s="785"/>
      <c r="T8" s="785"/>
      <c r="U8" s="785"/>
      <c r="V8" s="785"/>
      <c r="W8" s="785"/>
      <c r="X8" s="785"/>
      <c r="Y8" s="785"/>
      <c r="Z8" s="785"/>
      <c r="AA8" s="785"/>
      <c r="AB8" s="785"/>
      <c r="AC8" s="785"/>
      <c r="AD8" s="785"/>
      <c r="AE8" s="785"/>
      <c r="AF8" s="68"/>
      <c r="AG8" s="68"/>
    </row>
    <row r="9" spans="1:36" ht="15" customHeight="1">
      <c r="A9" s="68"/>
      <c r="B9" s="68"/>
      <c r="C9" s="211"/>
      <c r="D9" s="211"/>
      <c r="E9" s="211"/>
      <c r="F9" s="211"/>
      <c r="G9" s="211"/>
      <c r="H9" s="211"/>
      <c r="I9" s="211"/>
      <c r="J9" s="211"/>
      <c r="K9" s="211"/>
      <c r="L9" s="211"/>
      <c r="M9" s="211"/>
      <c r="N9" s="211"/>
      <c r="O9" s="211"/>
      <c r="P9" s="211"/>
      <c r="Q9" s="211"/>
      <c r="R9" s="211"/>
      <c r="S9" s="211"/>
      <c r="T9" s="211"/>
      <c r="U9" s="211"/>
      <c r="V9" s="211"/>
      <c r="W9" s="211"/>
      <c r="X9" s="211"/>
      <c r="Y9" s="211"/>
      <c r="Z9" s="211"/>
      <c r="AA9" s="211"/>
      <c r="AB9" s="211"/>
      <c r="AC9" s="211"/>
      <c r="AD9" s="211"/>
      <c r="AE9" s="329"/>
      <c r="AF9" s="68"/>
      <c r="AG9" s="68"/>
    </row>
    <row r="10" spans="1:36" ht="24" customHeight="1">
      <c r="A10" s="115"/>
      <c r="B10" s="113" t="s">
        <v>91</v>
      </c>
      <c r="C10" s="110"/>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9"/>
      <c r="AG10" s="68"/>
    </row>
    <row r="11" spans="1:36" ht="24" customHeight="1" thickBot="1">
      <c r="A11" s="68"/>
      <c r="B11" s="68"/>
      <c r="C11" s="593" t="s">
        <v>92</v>
      </c>
      <c r="D11" s="593"/>
      <c r="E11" s="593"/>
      <c r="F11" s="593"/>
      <c r="G11" s="593"/>
      <c r="H11" s="593"/>
      <c r="I11" s="593"/>
      <c r="J11" s="593"/>
      <c r="K11" s="593"/>
      <c r="L11" s="593"/>
      <c r="M11" s="593"/>
      <c r="N11" s="593"/>
      <c r="O11" s="593"/>
      <c r="P11" s="593"/>
      <c r="Q11" s="593"/>
      <c r="R11" s="593"/>
      <c r="S11" s="593"/>
      <c r="T11" s="593"/>
      <c r="U11" s="593"/>
      <c r="V11" s="593"/>
      <c r="W11" s="593"/>
      <c r="X11" s="593"/>
      <c r="Y11" s="593"/>
      <c r="Z11" s="593"/>
      <c r="AA11" s="593"/>
      <c r="AB11" s="593"/>
      <c r="AC11" s="593"/>
      <c r="AD11" s="68"/>
      <c r="AE11" s="68"/>
      <c r="AF11" s="68"/>
      <c r="AG11" s="68"/>
    </row>
    <row r="12" spans="1:36" ht="32.65" customHeight="1">
      <c r="A12" s="68"/>
      <c r="B12" s="68"/>
      <c r="C12" s="858" t="s">
        <v>21</v>
      </c>
      <c r="D12" s="859"/>
      <c r="E12" s="859"/>
      <c r="F12" s="859"/>
      <c r="G12" s="859"/>
      <c r="H12" s="577" t="s">
        <v>260</v>
      </c>
      <c r="I12" s="577"/>
      <c r="J12" s="577"/>
      <c r="K12" s="577"/>
      <c r="L12" s="577"/>
      <c r="M12" s="577"/>
      <c r="N12" s="577"/>
      <c r="O12" s="577"/>
      <c r="P12" s="577"/>
      <c r="Q12" s="577"/>
      <c r="R12" s="577"/>
      <c r="S12" s="577"/>
      <c r="T12" s="577"/>
      <c r="U12" s="577"/>
      <c r="V12" s="577"/>
      <c r="W12" s="577"/>
      <c r="X12" s="577"/>
      <c r="Y12" s="577"/>
      <c r="Z12" s="577"/>
      <c r="AA12" s="577"/>
      <c r="AB12" s="577"/>
      <c r="AC12" s="577"/>
      <c r="AD12" s="577"/>
      <c r="AE12" s="578"/>
      <c r="AF12" s="68"/>
      <c r="AG12" s="68"/>
    </row>
    <row r="13" spans="1:36" ht="32.65" customHeight="1">
      <c r="A13" s="68"/>
      <c r="B13" s="68"/>
      <c r="C13" s="786"/>
      <c r="D13" s="787"/>
      <c r="E13" s="787"/>
      <c r="F13" s="787"/>
      <c r="G13" s="787"/>
      <c r="H13" s="83">
        <v>1</v>
      </c>
      <c r="I13" s="579" t="s">
        <v>100</v>
      </c>
      <c r="J13" s="579"/>
      <c r="K13" s="579"/>
      <c r="L13" s="579"/>
      <c r="M13" s="579"/>
      <c r="N13" s="579"/>
      <c r="O13" s="579"/>
      <c r="P13" s="579"/>
      <c r="Q13" s="579"/>
      <c r="R13" s="579"/>
      <c r="S13" s="579"/>
      <c r="T13" s="579"/>
      <c r="U13" s="579"/>
      <c r="V13" s="579"/>
      <c r="W13" s="579"/>
      <c r="X13" s="579"/>
      <c r="Y13" s="579"/>
      <c r="Z13" s="579"/>
      <c r="AA13" s="579"/>
      <c r="AB13" s="579"/>
      <c r="AC13" s="579"/>
      <c r="AD13" s="579"/>
      <c r="AE13" s="580"/>
      <c r="AF13" s="68"/>
      <c r="AG13" s="68"/>
    </row>
    <row r="14" spans="1:36" ht="32.65" customHeight="1">
      <c r="A14" s="68"/>
      <c r="B14" s="68"/>
      <c r="C14" s="786"/>
      <c r="D14" s="787"/>
      <c r="E14" s="787"/>
      <c r="F14" s="787"/>
      <c r="G14" s="787"/>
      <c r="H14" s="83">
        <v>2</v>
      </c>
      <c r="I14" s="579" t="s">
        <v>93</v>
      </c>
      <c r="J14" s="579"/>
      <c r="K14" s="579"/>
      <c r="L14" s="579"/>
      <c r="M14" s="579"/>
      <c r="N14" s="579"/>
      <c r="O14" s="579"/>
      <c r="P14" s="579"/>
      <c r="Q14" s="579"/>
      <c r="R14" s="579"/>
      <c r="S14" s="579"/>
      <c r="T14" s="579"/>
      <c r="U14" s="579"/>
      <c r="V14" s="579"/>
      <c r="W14" s="579"/>
      <c r="X14" s="579"/>
      <c r="Y14" s="579"/>
      <c r="Z14" s="579"/>
      <c r="AA14" s="579"/>
      <c r="AB14" s="579"/>
      <c r="AC14" s="579"/>
      <c r="AD14" s="579"/>
      <c r="AE14" s="580"/>
      <c r="AF14" s="68"/>
      <c r="AG14" s="68"/>
    </row>
    <row r="15" spans="1:36" ht="32.65" customHeight="1">
      <c r="A15" s="68"/>
      <c r="B15" s="68"/>
      <c r="C15" s="786"/>
      <c r="D15" s="787"/>
      <c r="E15" s="787"/>
      <c r="F15" s="787"/>
      <c r="G15" s="787"/>
      <c r="H15" s="83">
        <v>3</v>
      </c>
      <c r="I15" s="579" t="s">
        <v>172</v>
      </c>
      <c r="J15" s="579"/>
      <c r="K15" s="579"/>
      <c r="L15" s="579"/>
      <c r="M15" s="579"/>
      <c r="N15" s="579"/>
      <c r="O15" s="579"/>
      <c r="P15" s="579"/>
      <c r="Q15" s="579"/>
      <c r="R15" s="579"/>
      <c r="S15" s="579"/>
      <c r="T15" s="579"/>
      <c r="U15" s="579"/>
      <c r="V15" s="579"/>
      <c r="W15" s="579"/>
      <c r="X15" s="579"/>
      <c r="Y15" s="579"/>
      <c r="Z15" s="579"/>
      <c r="AA15" s="579"/>
      <c r="AB15" s="579"/>
      <c r="AC15" s="579"/>
      <c r="AD15" s="579"/>
      <c r="AE15" s="580"/>
      <c r="AF15" s="68"/>
      <c r="AG15" s="68"/>
    </row>
    <row r="16" spans="1:36" ht="32.65" customHeight="1" thickBot="1">
      <c r="A16" s="68"/>
      <c r="B16" s="68"/>
      <c r="C16" s="788"/>
      <c r="D16" s="789"/>
      <c r="E16" s="789"/>
      <c r="F16" s="789"/>
      <c r="G16" s="789"/>
      <c r="H16" s="85">
        <v>4</v>
      </c>
      <c r="I16" s="581" t="s">
        <v>262</v>
      </c>
      <c r="J16" s="581"/>
      <c r="K16" s="581"/>
      <c r="L16" s="581"/>
      <c r="M16" s="581"/>
      <c r="N16" s="581"/>
      <c r="O16" s="581"/>
      <c r="P16" s="581"/>
      <c r="Q16" s="581"/>
      <c r="R16" s="581"/>
      <c r="S16" s="581"/>
      <c r="T16" s="581"/>
      <c r="U16" s="581"/>
      <c r="V16" s="581"/>
      <c r="W16" s="581"/>
      <c r="X16" s="581"/>
      <c r="Y16" s="581"/>
      <c r="Z16" s="581"/>
      <c r="AA16" s="581"/>
      <c r="AB16" s="581"/>
      <c r="AC16" s="581"/>
      <c r="AD16" s="581"/>
      <c r="AE16" s="582"/>
      <c r="AF16" s="68"/>
      <c r="AG16" s="68"/>
    </row>
    <row r="17" spans="1:33" ht="33.6" customHeight="1">
      <c r="A17" s="68"/>
      <c r="B17" s="68"/>
      <c r="C17" s="585" t="s">
        <v>219</v>
      </c>
      <c r="D17" s="585"/>
      <c r="E17" s="585"/>
      <c r="F17" s="585"/>
      <c r="G17" s="585"/>
      <c r="H17" s="585"/>
      <c r="I17" s="585"/>
      <c r="J17" s="585"/>
      <c r="K17" s="585"/>
      <c r="L17" s="585"/>
      <c r="M17" s="585"/>
      <c r="N17" s="585"/>
      <c r="O17" s="585"/>
      <c r="P17" s="585"/>
      <c r="Q17" s="585"/>
      <c r="R17" s="585"/>
      <c r="S17" s="585"/>
      <c r="T17" s="585"/>
      <c r="U17" s="585"/>
      <c r="V17" s="585"/>
      <c r="W17" s="585"/>
      <c r="X17" s="585"/>
      <c r="Y17" s="585"/>
      <c r="Z17" s="585"/>
      <c r="AA17" s="585"/>
      <c r="AB17" s="585"/>
      <c r="AC17" s="585"/>
      <c r="AD17" s="585"/>
      <c r="AE17" s="585"/>
      <c r="AF17" s="68"/>
      <c r="AG17" s="68"/>
    </row>
    <row r="18" spans="1:33" ht="15" customHeight="1">
      <c r="A18" s="68"/>
      <c r="B18" s="68"/>
      <c r="C18" s="211"/>
      <c r="D18" s="211"/>
      <c r="E18" s="211"/>
      <c r="F18" s="211"/>
      <c r="G18" s="211"/>
      <c r="H18" s="211"/>
      <c r="I18" s="211"/>
      <c r="J18" s="211"/>
      <c r="K18" s="211"/>
      <c r="L18" s="211"/>
      <c r="M18" s="211"/>
      <c r="N18" s="211"/>
      <c r="O18" s="211"/>
      <c r="P18" s="211"/>
      <c r="Q18" s="211"/>
      <c r="R18" s="211"/>
      <c r="S18" s="211"/>
      <c r="T18" s="211"/>
      <c r="U18" s="211"/>
      <c r="V18" s="211"/>
      <c r="W18" s="211"/>
      <c r="X18" s="211"/>
      <c r="Y18" s="211"/>
      <c r="Z18" s="211"/>
      <c r="AA18" s="211"/>
      <c r="AB18" s="211"/>
      <c r="AC18" s="211"/>
      <c r="AD18" s="68"/>
      <c r="AE18" s="68"/>
      <c r="AF18" s="68"/>
      <c r="AG18" s="68"/>
    </row>
    <row r="19" spans="1:33" ht="24" customHeight="1" thickBot="1">
      <c r="A19" s="68"/>
      <c r="B19" s="68"/>
      <c r="C19" s="593" t="s">
        <v>94</v>
      </c>
      <c r="D19" s="593"/>
      <c r="E19" s="593"/>
      <c r="F19" s="593"/>
      <c r="G19" s="593"/>
      <c r="H19" s="593"/>
      <c r="I19" s="593"/>
      <c r="J19" s="593"/>
      <c r="K19" s="593"/>
      <c r="L19" s="593"/>
      <c r="M19" s="593"/>
      <c r="N19" s="593"/>
      <c r="O19" s="593"/>
      <c r="P19" s="593"/>
      <c r="Q19" s="593"/>
      <c r="R19" s="593"/>
      <c r="S19" s="593"/>
      <c r="T19" s="593"/>
      <c r="U19" s="593"/>
      <c r="V19" s="593"/>
      <c r="W19" s="593"/>
      <c r="X19" s="593"/>
      <c r="Y19" s="593"/>
      <c r="Z19" s="593"/>
      <c r="AA19" s="593"/>
      <c r="AB19" s="593"/>
      <c r="AC19" s="593"/>
      <c r="AD19" s="68"/>
      <c r="AE19" s="68"/>
      <c r="AF19" s="68"/>
      <c r="AG19" s="68"/>
    </row>
    <row r="20" spans="1:33" ht="32.65" customHeight="1">
      <c r="A20" s="68"/>
      <c r="B20" s="68"/>
      <c r="C20" s="858" t="s">
        <v>21</v>
      </c>
      <c r="D20" s="859"/>
      <c r="E20" s="859"/>
      <c r="F20" s="859"/>
      <c r="G20" s="859"/>
      <c r="H20" s="577" t="s">
        <v>95</v>
      </c>
      <c r="I20" s="577"/>
      <c r="J20" s="577"/>
      <c r="K20" s="577"/>
      <c r="L20" s="577"/>
      <c r="M20" s="577"/>
      <c r="N20" s="577"/>
      <c r="O20" s="577"/>
      <c r="P20" s="577"/>
      <c r="Q20" s="577"/>
      <c r="R20" s="577"/>
      <c r="S20" s="577"/>
      <c r="T20" s="577"/>
      <c r="U20" s="577"/>
      <c r="V20" s="577"/>
      <c r="W20" s="577"/>
      <c r="X20" s="577"/>
      <c r="Y20" s="577"/>
      <c r="Z20" s="577"/>
      <c r="AA20" s="577"/>
      <c r="AB20" s="577"/>
      <c r="AC20" s="577"/>
      <c r="AD20" s="577"/>
      <c r="AE20" s="578"/>
      <c r="AF20" s="68"/>
      <c r="AG20" s="68"/>
    </row>
    <row r="21" spans="1:33" ht="32.65" customHeight="1">
      <c r="A21" s="68"/>
      <c r="B21" s="68"/>
      <c r="C21" s="786"/>
      <c r="D21" s="787"/>
      <c r="E21" s="787"/>
      <c r="F21" s="787"/>
      <c r="G21" s="787"/>
      <c r="H21" s="83">
        <v>1</v>
      </c>
      <c r="I21" s="579" t="s">
        <v>271</v>
      </c>
      <c r="J21" s="579"/>
      <c r="K21" s="579"/>
      <c r="L21" s="579"/>
      <c r="M21" s="579"/>
      <c r="N21" s="579"/>
      <c r="O21" s="579"/>
      <c r="P21" s="579"/>
      <c r="Q21" s="579"/>
      <c r="R21" s="579"/>
      <c r="S21" s="579"/>
      <c r="T21" s="579"/>
      <c r="U21" s="579"/>
      <c r="V21" s="579"/>
      <c r="W21" s="579"/>
      <c r="X21" s="579"/>
      <c r="Y21" s="579"/>
      <c r="Z21" s="579"/>
      <c r="AA21" s="579"/>
      <c r="AB21" s="579"/>
      <c r="AC21" s="579"/>
      <c r="AD21" s="579"/>
      <c r="AE21" s="580"/>
      <c r="AF21" s="68"/>
      <c r="AG21" s="68"/>
    </row>
    <row r="22" spans="1:33" ht="32.65" customHeight="1" thickBot="1">
      <c r="A22" s="68"/>
      <c r="B22" s="68"/>
      <c r="C22" s="788"/>
      <c r="D22" s="789"/>
      <c r="E22" s="789"/>
      <c r="F22" s="789"/>
      <c r="G22" s="789"/>
      <c r="H22" s="85">
        <v>2</v>
      </c>
      <c r="I22" s="581" t="s">
        <v>272</v>
      </c>
      <c r="J22" s="581"/>
      <c r="K22" s="581"/>
      <c r="L22" s="581"/>
      <c r="M22" s="581"/>
      <c r="N22" s="581"/>
      <c r="O22" s="581"/>
      <c r="P22" s="581"/>
      <c r="Q22" s="581"/>
      <c r="R22" s="581"/>
      <c r="S22" s="581"/>
      <c r="T22" s="581"/>
      <c r="U22" s="581"/>
      <c r="V22" s="581"/>
      <c r="W22" s="581"/>
      <c r="X22" s="581"/>
      <c r="Y22" s="581"/>
      <c r="Z22" s="581"/>
      <c r="AA22" s="581"/>
      <c r="AB22" s="581"/>
      <c r="AC22" s="581"/>
      <c r="AD22" s="581"/>
      <c r="AE22" s="582"/>
      <c r="AF22" s="68"/>
      <c r="AG22" s="68"/>
    </row>
    <row r="23" spans="1:33" ht="18" customHeight="1">
      <c r="A23" s="68"/>
      <c r="B23" s="68"/>
      <c r="C23" s="585" t="s">
        <v>96</v>
      </c>
      <c r="D23" s="585"/>
      <c r="E23" s="585"/>
      <c r="F23" s="585"/>
      <c r="G23" s="585"/>
      <c r="H23" s="585"/>
      <c r="I23" s="585"/>
      <c r="J23" s="585"/>
      <c r="K23" s="585"/>
      <c r="L23" s="585"/>
      <c r="M23" s="585"/>
      <c r="N23" s="585"/>
      <c r="O23" s="585"/>
      <c r="P23" s="585"/>
      <c r="Q23" s="585"/>
      <c r="R23" s="585"/>
      <c r="S23" s="585"/>
      <c r="T23" s="585"/>
      <c r="U23" s="585"/>
      <c r="V23" s="585"/>
      <c r="W23" s="585"/>
      <c r="X23" s="585"/>
      <c r="Y23" s="585"/>
      <c r="Z23" s="585"/>
      <c r="AA23" s="585"/>
      <c r="AB23" s="585"/>
      <c r="AC23" s="585"/>
      <c r="AD23" s="68"/>
      <c r="AE23" s="68"/>
      <c r="AF23" s="68"/>
      <c r="AG23" s="68"/>
    </row>
    <row r="24" spans="1:33" ht="15" customHeight="1">
      <c r="A24" s="68"/>
      <c r="B24" s="68"/>
      <c r="C24" s="209"/>
      <c r="D24" s="209"/>
      <c r="E24" s="209"/>
      <c r="F24" s="209"/>
      <c r="G24" s="209"/>
      <c r="H24" s="209"/>
      <c r="I24" s="209"/>
      <c r="J24" s="209"/>
      <c r="K24" s="209"/>
      <c r="L24" s="209"/>
      <c r="M24" s="209"/>
      <c r="N24" s="209"/>
      <c r="O24" s="209"/>
      <c r="P24" s="209"/>
      <c r="Q24" s="209"/>
      <c r="R24" s="209"/>
      <c r="S24" s="209"/>
      <c r="T24" s="209"/>
      <c r="U24" s="209"/>
      <c r="V24" s="209"/>
      <c r="W24" s="209"/>
      <c r="X24" s="209"/>
      <c r="Y24" s="209"/>
      <c r="Z24" s="209"/>
      <c r="AA24" s="209"/>
      <c r="AB24" s="209"/>
      <c r="AC24" s="209"/>
      <c r="AD24" s="68"/>
      <c r="AE24" s="68"/>
      <c r="AF24" s="68"/>
      <c r="AG24" s="68"/>
    </row>
    <row r="25" spans="1:33" ht="24" customHeight="1" thickBot="1">
      <c r="A25" s="68"/>
      <c r="B25" s="68"/>
      <c r="C25" s="593" t="s">
        <v>111</v>
      </c>
      <c r="D25" s="593"/>
      <c r="E25" s="593"/>
      <c r="F25" s="593"/>
      <c r="G25" s="593"/>
      <c r="H25" s="593"/>
      <c r="I25" s="593"/>
      <c r="J25" s="593"/>
      <c r="K25" s="593"/>
      <c r="L25" s="593"/>
      <c r="M25" s="593"/>
      <c r="N25" s="593"/>
      <c r="O25" s="593"/>
      <c r="P25" s="593"/>
      <c r="Q25" s="593"/>
      <c r="R25" s="593"/>
      <c r="S25" s="593"/>
      <c r="T25" s="593"/>
      <c r="U25" s="593"/>
      <c r="V25" s="593"/>
      <c r="W25" s="593"/>
      <c r="X25" s="593"/>
      <c r="Y25" s="593"/>
      <c r="Z25" s="593"/>
      <c r="AA25" s="593"/>
      <c r="AB25" s="593"/>
      <c r="AC25" s="593"/>
      <c r="AD25" s="68"/>
      <c r="AE25" s="68"/>
      <c r="AF25" s="68"/>
      <c r="AG25" s="68"/>
    </row>
    <row r="26" spans="1:33" ht="32.65" customHeight="1">
      <c r="A26" s="68"/>
      <c r="B26" s="68"/>
      <c r="C26" s="858" t="s">
        <v>21</v>
      </c>
      <c r="D26" s="859"/>
      <c r="E26" s="859"/>
      <c r="F26" s="859"/>
      <c r="G26" s="859"/>
      <c r="H26" s="577" t="s">
        <v>97</v>
      </c>
      <c r="I26" s="577"/>
      <c r="J26" s="577"/>
      <c r="K26" s="577"/>
      <c r="L26" s="577"/>
      <c r="M26" s="577"/>
      <c r="N26" s="577"/>
      <c r="O26" s="577"/>
      <c r="P26" s="577"/>
      <c r="Q26" s="577"/>
      <c r="R26" s="577"/>
      <c r="S26" s="577"/>
      <c r="T26" s="577"/>
      <c r="U26" s="577"/>
      <c r="V26" s="577"/>
      <c r="W26" s="577"/>
      <c r="X26" s="577"/>
      <c r="Y26" s="577"/>
      <c r="Z26" s="577"/>
      <c r="AA26" s="577"/>
      <c r="AB26" s="577"/>
      <c r="AC26" s="577"/>
      <c r="AD26" s="577"/>
      <c r="AE26" s="578"/>
      <c r="AF26" s="68"/>
      <c r="AG26" s="68"/>
    </row>
    <row r="27" spans="1:33" ht="32.65" customHeight="1">
      <c r="A27" s="68"/>
      <c r="B27" s="68"/>
      <c r="C27" s="786"/>
      <c r="D27" s="787"/>
      <c r="E27" s="787"/>
      <c r="F27" s="787"/>
      <c r="G27" s="787"/>
      <c r="H27" s="83">
        <v>1</v>
      </c>
      <c r="I27" s="579" t="s">
        <v>98</v>
      </c>
      <c r="J27" s="579"/>
      <c r="K27" s="579"/>
      <c r="L27" s="579"/>
      <c r="M27" s="579"/>
      <c r="N27" s="579"/>
      <c r="O27" s="579"/>
      <c r="P27" s="579"/>
      <c r="Q27" s="579"/>
      <c r="R27" s="579"/>
      <c r="S27" s="579"/>
      <c r="T27" s="579"/>
      <c r="U27" s="579"/>
      <c r="V27" s="579"/>
      <c r="W27" s="579"/>
      <c r="X27" s="579"/>
      <c r="Y27" s="579"/>
      <c r="Z27" s="579"/>
      <c r="AA27" s="579"/>
      <c r="AB27" s="579"/>
      <c r="AC27" s="579"/>
      <c r="AD27" s="579"/>
      <c r="AE27" s="580"/>
      <c r="AF27" s="68"/>
      <c r="AG27" s="68"/>
    </row>
    <row r="28" spans="1:33" ht="32.65" customHeight="1" thickBot="1">
      <c r="A28" s="68"/>
      <c r="B28" s="68"/>
      <c r="C28" s="788"/>
      <c r="D28" s="789"/>
      <c r="E28" s="789"/>
      <c r="F28" s="789"/>
      <c r="G28" s="789"/>
      <c r="H28" s="85">
        <v>2</v>
      </c>
      <c r="I28" s="581" t="s">
        <v>99</v>
      </c>
      <c r="J28" s="581"/>
      <c r="K28" s="581"/>
      <c r="L28" s="581"/>
      <c r="M28" s="581"/>
      <c r="N28" s="581"/>
      <c r="O28" s="581"/>
      <c r="P28" s="581"/>
      <c r="Q28" s="581"/>
      <c r="R28" s="581"/>
      <c r="S28" s="581"/>
      <c r="T28" s="581"/>
      <c r="U28" s="581"/>
      <c r="V28" s="581"/>
      <c r="W28" s="581"/>
      <c r="X28" s="581"/>
      <c r="Y28" s="581"/>
      <c r="Z28" s="581"/>
      <c r="AA28" s="581"/>
      <c r="AB28" s="581"/>
      <c r="AC28" s="581"/>
      <c r="AD28" s="581"/>
      <c r="AE28" s="582"/>
      <c r="AF28" s="68"/>
      <c r="AG28" s="68"/>
    </row>
    <row r="29" spans="1:33" ht="32.65" customHeight="1">
      <c r="A29" s="68"/>
      <c r="B29" s="68"/>
      <c r="C29" s="586" t="s">
        <v>174</v>
      </c>
      <c r="D29" s="586"/>
      <c r="E29" s="586"/>
      <c r="F29" s="586"/>
      <c r="G29" s="586"/>
      <c r="H29" s="586"/>
      <c r="I29" s="586"/>
      <c r="J29" s="586"/>
      <c r="K29" s="586"/>
      <c r="L29" s="586"/>
      <c r="M29" s="586"/>
      <c r="N29" s="586"/>
      <c r="O29" s="586"/>
      <c r="P29" s="586"/>
      <c r="Q29" s="586"/>
      <c r="R29" s="586"/>
      <c r="S29" s="586"/>
      <c r="T29" s="586"/>
      <c r="U29" s="586"/>
      <c r="V29" s="586"/>
      <c r="W29" s="586"/>
      <c r="X29" s="586"/>
      <c r="Y29" s="586"/>
      <c r="Z29" s="586"/>
      <c r="AA29" s="586"/>
      <c r="AB29" s="586"/>
      <c r="AC29" s="586"/>
      <c r="AD29" s="586"/>
      <c r="AE29" s="586"/>
      <c r="AF29" s="68"/>
      <c r="AG29" s="68"/>
    </row>
    <row r="30" spans="1:33" ht="75" customHeight="1">
      <c r="A30" s="68"/>
      <c r="B30" s="68"/>
      <c r="C30" s="785" t="s">
        <v>264</v>
      </c>
      <c r="D30" s="785"/>
      <c r="E30" s="785"/>
      <c r="F30" s="785"/>
      <c r="G30" s="785"/>
      <c r="H30" s="785"/>
      <c r="I30" s="785"/>
      <c r="J30" s="785"/>
      <c r="K30" s="785"/>
      <c r="L30" s="785"/>
      <c r="M30" s="785"/>
      <c r="N30" s="785"/>
      <c r="O30" s="785"/>
      <c r="P30" s="785"/>
      <c r="Q30" s="785"/>
      <c r="R30" s="785"/>
      <c r="S30" s="785"/>
      <c r="T30" s="785"/>
      <c r="U30" s="785"/>
      <c r="V30" s="785"/>
      <c r="W30" s="785"/>
      <c r="X30" s="785"/>
      <c r="Y30" s="785"/>
      <c r="Z30" s="785"/>
      <c r="AA30" s="785"/>
      <c r="AB30" s="785"/>
      <c r="AC30" s="785"/>
      <c r="AD30" s="785"/>
      <c r="AE30" s="785"/>
      <c r="AF30" s="68"/>
      <c r="AG30" s="68"/>
    </row>
    <row r="31" spans="1:33" ht="15" customHeight="1">
      <c r="A31" s="68"/>
      <c r="B31" s="68"/>
      <c r="C31" s="173"/>
      <c r="D31" s="68"/>
      <c r="E31" s="68"/>
      <c r="F31" s="68"/>
      <c r="G31" s="68"/>
      <c r="H31" s="68"/>
      <c r="I31" s="68"/>
      <c r="J31" s="68"/>
      <c r="K31" s="68"/>
      <c r="L31" s="68"/>
      <c r="M31" s="68"/>
      <c r="N31" s="68"/>
      <c r="O31" s="68"/>
      <c r="P31" s="68"/>
      <c r="Q31" s="68"/>
      <c r="R31" s="68"/>
      <c r="S31" s="68"/>
      <c r="T31" s="68"/>
      <c r="U31" s="68"/>
      <c r="V31" s="68"/>
      <c r="W31" s="68"/>
      <c r="X31" s="68"/>
      <c r="Y31" s="68"/>
      <c r="Z31" s="68"/>
      <c r="AA31" s="68"/>
      <c r="AB31" s="68"/>
      <c r="AC31" s="68"/>
      <c r="AD31" s="68"/>
      <c r="AE31" s="68"/>
      <c r="AF31" s="68"/>
      <c r="AG31" s="68"/>
    </row>
    <row r="32" spans="1:33" ht="24" customHeight="1">
      <c r="A32" s="119"/>
      <c r="B32" s="179" t="s">
        <v>52</v>
      </c>
      <c r="C32" s="110"/>
      <c r="D32" s="119"/>
      <c r="E32" s="119"/>
      <c r="F32" s="119"/>
      <c r="G32" s="119"/>
      <c r="H32" s="119"/>
      <c r="I32" s="119"/>
      <c r="J32" s="119"/>
      <c r="K32" s="119"/>
      <c r="L32" s="119"/>
      <c r="M32" s="119"/>
      <c r="N32" s="119"/>
      <c r="O32" s="119"/>
      <c r="P32" s="119"/>
      <c r="Q32" s="119"/>
      <c r="R32" s="119"/>
      <c r="S32" s="119"/>
      <c r="T32" s="119"/>
      <c r="U32" s="119"/>
      <c r="V32" s="119"/>
      <c r="W32" s="119"/>
      <c r="X32" s="119"/>
      <c r="Y32" s="119"/>
      <c r="Z32" s="119"/>
      <c r="AA32" s="119"/>
      <c r="AB32" s="119"/>
      <c r="AC32" s="119"/>
      <c r="AD32" s="119"/>
      <c r="AE32" s="119"/>
      <c r="AF32" s="119"/>
      <c r="AG32" s="68"/>
    </row>
    <row r="33" spans="1:34" ht="19.5" customHeight="1">
      <c r="A33" s="68"/>
      <c r="B33" s="68"/>
      <c r="C33" s="89" t="s">
        <v>175</v>
      </c>
      <c r="D33" s="90"/>
      <c r="E33" s="208"/>
      <c r="F33" s="208"/>
      <c r="G33" s="208"/>
      <c r="H33" s="208"/>
      <c r="I33" s="68"/>
      <c r="J33" s="68"/>
      <c r="K33" s="68"/>
      <c r="L33" s="68"/>
      <c r="M33" s="68"/>
      <c r="N33" s="68"/>
      <c r="O33" s="68"/>
      <c r="P33" s="68"/>
      <c r="Q33" s="68"/>
      <c r="R33" s="68"/>
      <c r="S33" s="68"/>
      <c r="T33" s="68"/>
      <c r="U33" s="68"/>
      <c r="V33" s="68"/>
      <c r="W33" s="68"/>
      <c r="X33" s="68"/>
      <c r="Y33" s="68"/>
      <c r="Z33" s="68"/>
      <c r="AA33" s="68"/>
      <c r="AB33" s="68"/>
      <c r="AC33" s="68"/>
      <c r="AD33" s="68"/>
      <c r="AE33" s="68"/>
      <c r="AF33" s="68"/>
      <c r="AG33" s="68"/>
      <c r="AH33" s="67" t="s">
        <v>124</v>
      </c>
    </row>
    <row r="34" spans="1:34" ht="25.5" customHeight="1" thickBot="1">
      <c r="A34" s="68"/>
      <c r="B34" s="68"/>
      <c r="C34" s="871" t="s">
        <v>126</v>
      </c>
      <c r="D34" s="871"/>
      <c r="E34" s="871"/>
      <c r="F34" s="871"/>
      <c r="G34" s="871"/>
      <c r="H34" s="208"/>
      <c r="I34" s="68"/>
      <c r="J34" s="68"/>
      <c r="K34" s="68"/>
      <c r="L34" s="68"/>
      <c r="M34" s="68"/>
      <c r="N34" s="68"/>
      <c r="O34" s="68"/>
      <c r="P34" s="68"/>
      <c r="Q34" s="68"/>
      <c r="R34" s="68"/>
      <c r="S34" s="68"/>
      <c r="T34" s="68"/>
      <c r="U34" s="68"/>
      <c r="V34" s="68"/>
      <c r="W34" s="68"/>
      <c r="X34" s="68"/>
      <c r="Y34" s="68"/>
      <c r="Z34" s="68"/>
      <c r="AA34" s="68"/>
      <c r="AB34" s="68"/>
      <c r="AC34" s="68"/>
      <c r="AD34" s="68"/>
      <c r="AE34" s="68"/>
      <c r="AF34" s="68"/>
      <c r="AG34" s="68"/>
      <c r="AH34" s="67" t="s">
        <v>125</v>
      </c>
    </row>
    <row r="35" spans="1:34" ht="32.65" customHeight="1" thickBot="1">
      <c r="A35" s="68"/>
      <c r="B35" s="68"/>
      <c r="C35" s="937"/>
      <c r="D35" s="938"/>
      <c r="E35" s="938"/>
      <c r="F35" s="938"/>
      <c r="G35" s="939"/>
      <c r="H35" s="208"/>
      <c r="I35" s="1097" t="s">
        <v>436</v>
      </c>
      <c r="J35" s="1097"/>
      <c r="K35" s="1097"/>
      <c r="L35" s="1097"/>
      <c r="M35" s="1097"/>
      <c r="N35" s="1097"/>
      <c r="O35" s="1097"/>
      <c r="P35" s="1097"/>
      <c r="Q35" s="1097"/>
      <c r="R35" s="1097"/>
      <c r="S35" s="1097"/>
      <c r="T35" s="1097"/>
      <c r="U35" s="1097"/>
      <c r="V35" s="1097"/>
      <c r="W35" s="1097"/>
      <c r="X35" s="1097"/>
      <c r="Y35" s="1097"/>
      <c r="Z35" s="1097"/>
      <c r="AA35" s="1097"/>
      <c r="AB35" s="1097"/>
      <c r="AC35" s="1097"/>
      <c r="AD35" s="1097"/>
      <c r="AE35" s="1097"/>
      <c r="AF35" s="68"/>
      <c r="AG35" s="68"/>
      <c r="AH35" s="67" t="s">
        <v>330</v>
      </c>
    </row>
    <row r="36" spans="1:34" ht="15" customHeight="1">
      <c r="A36" s="68"/>
      <c r="B36" s="68"/>
      <c r="C36" s="101"/>
      <c r="D36" s="101"/>
      <c r="E36" s="101"/>
      <c r="F36" s="101"/>
      <c r="G36" s="101"/>
      <c r="H36" s="208"/>
      <c r="I36" s="68"/>
      <c r="J36" s="68"/>
      <c r="K36" s="68"/>
      <c r="L36" s="68"/>
      <c r="M36" s="68"/>
      <c r="N36" s="68"/>
      <c r="O36" s="68"/>
      <c r="P36" s="68"/>
      <c r="Q36" s="68"/>
      <c r="R36" s="68"/>
      <c r="S36" s="68"/>
      <c r="T36" s="68"/>
      <c r="U36" s="68"/>
      <c r="V36" s="68"/>
      <c r="W36" s="68"/>
      <c r="X36" s="68"/>
      <c r="Y36" s="68"/>
      <c r="Z36" s="68"/>
      <c r="AA36" s="68"/>
      <c r="AB36" s="68"/>
      <c r="AC36" s="68"/>
      <c r="AD36" s="68"/>
      <c r="AE36" s="68"/>
      <c r="AF36" s="68"/>
      <c r="AG36" s="68"/>
    </row>
    <row r="37" spans="1:34" ht="14.65" hidden="1" customHeight="1" outlineLevel="1">
      <c r="A37" s="68"/>
      <c r="B37" s="68"/>
      <c r="C37" s="174" t="s">
        <v>184</v>
      </c>
      <c r="D37" s="68"/>
      <c r="E37" s="68"/>
      <c r="F37" s="68"/>
      <c r="G37" s="68"/>
      <c r="H37" s="68"/>
      <c r="I37" s="68"/>
      <c r="J37" s="68"/>
      <c r="K37" s="68"/>
      <c r="L37" s="68"/>
      <c r="M37" s="68"/>
      <c r="N37" s="68"/>
      <c r="O37" s="68"/>
      <c r="P37" s="68"/>
      <c r="Q37" s="68"/>
      <c r="R37" s="68"/>
      <c r="S37" s="68"/>
      <c r="T37" s="68"/>
      <c r="U37" s="68"/>
      <c r="V37" s="68"/>
      <c r="W37" s="68"/>
      <c r="X37" s="68"/>
      <c r="Y37" s="68"/>
      <c r="Z37" s="68"/>
      <c r="AA37" s="68"/>
      <c r="AB37" s="68"/>
      <c r="AC37" s="68"/>
      <c r="AD37" s="68"/>
      <c r="AE37" s="68"/>
      <c r="AF37" s="68"/>
      <c r="AG37" s="68"/>
    </row>
    <row r="38" spans="1:34" ht="24" hidden="1" customHeight="1" outlineLevel="1" thickBot="1">
      <c r="A38" s="68"/>
      <c r="B38" s="68"/>
      <c r="C38" s="860" t="s">
        <v>89</v>
      </c>
      <c r="D38" s="860"/>
      <c r="E38" s="860"/>
      <c r="F38" s="860"/>
      <c r="G38" s="860"/>
      <c r="H38" s="180"/>
      <c r="I38" s="68"/>
      <c r="J38" s="68"/>
      <c r="K38" s="68"/>
      <c r="L38" s="68"/>
      <c r="M38" s="68"/>
      <c r="N38" s="68"/>
      <c r="O38" s="68"/>
      <c r="P38" s="68"/>
      <c r="Q38" s="68"/>
      <c r="R38" s="68"/>
      <c r="S38" s="68"/>
      <c r="T38" s="68"/>
      <c r="U38" s="68"/>
      <c r="V38" s="68"/>
      <c r="W38" s="68"/>
      <c r="X38" s="68"/>
      <c r="Y38" s="68"/>
      <c r="Z38" s="68"/>
      <c r="AA38" s="68"/>
      <c r="AB38" s="68"/>
      <c r="AC38" s="68"/>
      <c r="AD38" s="68"/>
      <c r="AE38" s="68"/>
      <c r="AF38" s="68"/>
      <c r="AG38" s="68"/>
    </row>
    <row r="39" spans="1:34" ht="10.9" hidden="1" customHeight="1" outlineLevel="1">
      <c r="A39" s="68"/>
      <c r="B39" s="68"/>
      <c r="C39" s="861"/>
      <c r="D39" s="862"/>
      <c r="E39" s="862"/>
      <c r="F39" s="862"/>
      <c r="G39" s="863"/>
      <c r="H39" s="870" t="s">
        <v>122</v>
      </c>
      <c r="I39" s="68"/>
      <c r="J39" s="68"/>
      <c r="K39" s="68"/>
      <c r="L39" s="68"/>
      <c r="M39" s="68"/>
      <c r="N39" s="68"/>
      <c r="O39" s="68"/>
      <c r="P39" s="68"/>
      <c r="Q39" s="68"/>
      <c r="R39" s="68"/>
      <c r="S39" s="68"/>
      <c r="T39" s="68"/>
      <c r="U39" s="68"/>
      <c r="V39" s="68"/>
      <c r="W39" s="68"/>
      <c r="X39" s="68"/>
      <c r="Y39" s="68"/>
      <c r="Z39" s="68"/>
      <c r="AA39" s="68"/>
      <c r="AB39" s="68"/>
      <c r="AC39" s="68"/>
      <c r="AD39" s="68"/>
      <c r="AE39" s="68"/>
      <c r="AF39" s="68"/>
      <c r="AG39" s="68"/>
    </row>
    <row r="40" spans="1:34" ht="10.9" hidden="1" customHeight="1" outlineLevel="1">
      <c r="A40" s="68"/>
      <c r="B40" s="68"/>
      <c r="C40" s="864"/>
      <c r="D40" s="865"/>
      <c r="E40" s="865"/>
      <c r="F40" s="865"/>
      <c r="G40" s="866"/>
      <c r="H40" s="870"/>
      <c r="I40" s="68"/>
      <c r="J40" s="68"/>
      <c r="K40" s="68"/>
      <c r="L40" s="68"/>
      <c r="M40" s="68"/>
      <c r="N40" s="68"/>
      <c r="O40" s="68"/>
      <c r="P40" s="68"/>
      <c r="Q40" s="68"/>
      <c r="R40" s="68"/>
      <c r="S40" s="68"/>
      <c r="T40" s="68"/>
      <c r="U40" s="68"/>
      <c r="V40" s="68"/>
      <c r="W40" s="68"/>
      <c r="X40" s="68"/>
      <c r="Y40" s="68"/>
      <c r="Z40" s="68"/>
      <c r="AA40" s="68"/>
      <c r="AB40" s="68"/>
      <c r="AC40" s="68"/>
      <c r="AD40" s="68"/>
      <c r="AE40" s="68"/>
      <c r="AF40" s="68"/>
      <c r="AG40" s="68"/>
    </row>
    <row r="41" spans="1:34" ht="10.9" hidden="1" customHeight="1" outlineLevel="1" thickBot="1">
      <c r="A41" s="68"/>
      <c r="B41" s="68"/>
      <c r="C41" s="867"/>
      <c r="D41" s="868"/>
      <c r="E41" s="868"/>
      <c r="F41" s="868"/>
      <c r="G41" s="869"/>
      <c r="H41" s="870"/>
      <c r="I41" s="68"/>
      <c r="J41" s="68"/>
      <c r="K41" s="68"/>
      <c r="L41" s="68"/>
      <c r="M41" s="68"/>
      <c r="N41" s="68"/>
      <c r="O41" s="68"/>
      <c r="P41" s="68"/>
      <c r="Q41" s="68"/>
      <c r="R41" s="68"/>
      <c r="S41" s="68"/>
      <c r="T41" s="68"/>
      <c r="U41" s="68"/>
      <c r="V41" s="68"/>
      <c r="W41" s="68"/>
      <c r="X41" s="68"/>
      <c r="Y41" s="68"/>
      <c r="Z41" s="68"/>
      <c r="AA41" s="68"/>
      <c r="AB41" s="68"/>
      <c r="AC41" s="68"/>
      <c r="AD41" s="68"/>
      <c r="AE41" s="68"/>
      <c r="AF41" s="68"/>
      <c r="AG41" s="68"/>
    </row>
    <row r="42" spans="1:34" ht="15" hidden="1" customHeight="1" outlineLevel="1">
      <c r="A42" s="68"/>
      <c r="B42" s="68"/>
      <c r="C42" s="210"/>
      <c r="D42" s="68"/>
      <c r="E42" s="68"/>
      <c r="F42" s="68"/>
      <c r="G42" s="68"/>
      <c r="H42" s="68"/>
      <c r="I42" s="68"/>
      <c r="J42" s="68"/>
      <c r="K42" s="68"/>
      <c r="L42" s="68"/>
      <c r="M42" s="68"/>
      <c r="N42" s="68"/>
      <c r="O42" s="68"/>
      <c r="P42" s="68"/>
      <c r="Q42" s="68"/>
      <c r="R42" s="68"/>
      <c r="S42" s="68"/>
      <c r="T42" s="68"/>
      <c r="U42" s="68"/>
      <c r="V42" s="68"/>
      <c r="W42" s="68"/>
      <c r="X42" s="68"/>
      <c r="Y42" s="68"/>
      <c r="Z42" s="68"/>
      <c r="AA42" s="68"/>
      <c r="AB42" s="68"/>
      <c r="AC42" s="68"/>
      <c r="AD42" s="68"/>
      <c r="AE42" s="68"/>
      <c r="AF42" s="68"/>
      <c r="AG42" s="68"/>
    </row>
    <row r="43" spans="1:34" ht="32.65" customHeight="1" collapsed="1">
      <c r="A43" s="68"/>
      <c r="B43" s="68"/>
      <c r="C43" s="593" t="s">
        <v>185</v>
      </c>
      <c r="D43" s="593"/>
      <c r="E43" s="593"/>
      <c r="F43" s="593"/>
      <c r="G43" s="593"/>
      <c r="H43" s="593"/>
      <c r="I43" s="593"/>
      <c r="J43" s="593"/>
      <c r="K43" s="593"/>
      <c r="L43" s="593"/>
      <c r="M43" s="593"/>
      <c r="N43" s="593"/>
      <c r="O43" s="593"/>
      <c r="P43" s="593"/>
      <c r="Q43" s="593"/>
      <c r="R43" s="593"/>
      <c r="S43" s="593"/>
      <c r="T43" s="593"/>
      <c r="U43" s="593"/>
      <c r="V43" s="593"/>
      <c r="W43" s="593"/>
      <c r="X43" s="593"/>
      <c r="Y43" s="593"/>
      <c r="Z43" s="593"/>
      <c r="AA43" s="593"/>
      <c r="AB43" s="593"/>
      <c r="AC43" s="593"/>
      <c r="AD43" s="593"/>
      <c r="AE43" s="593"/>
      <c r="AF43" s="68"/>
      <c r="AG43" s="68"/>
    </row>
    <row r="44" spans="1:34" ht="21.75" customHeight="1" thickBot="1">
      <c r="A44" s="68"/>
      <c r="B44" s="68"/>
      <c r="C44" s="181" t="s">
        <v>222</v>
      </c>
      <c r="D44" s="181"/>
      <c r="E44" s="181"/>
      <c r="F44" s="181"/>
      <c r="G44" s="181"/>
      <c r="H44" s="68"/>
      <c r="I44" s="68"/>
      <c r="J44" s="68"/>
      <c r="K44" s="68"/>
      <c r="L44" s="68"/>
      <c r="M44" s="68"/>
      <c r="N44" s="68"/>
      <c r="O44" s="68"/>
      <c r="P44" s="68"/>
      <c r="Q44" s="68"/>
      <c r="R44" s="68"/>
      <c r="S44" s="68"/>
      <c r="T44" s="68"/>
      <c r="U44" s="68"/>
      <c r="V44" s="68"/>
      <c r="W44" s="68"/>
      <c r="X44" s="68"/>
      <c r="Y44" s="68"/>
      <c r="Z44" s="68"/>
      <c r="AA44" s="68"/>
      <c r="AB44" s="68"/>
      <c r="AC44" s="68"/>
      <c r="AD44" s="68"/>
      <c r="AE44" s="68"/>
      <c r="AF44" s="68"/>
      <c r="AG44" s="68"/>
    </row>
    <row r="45" spans="1:34" ht="10.9" customHeight="1">
      <c r="A45" s="68"/>
      <c r="B45" s="68"/>
      <c r="C45" s="725"/>
      <c r="D45" s="726"/>
      <c r="E45" s="726"/>
      <c r="F45" s="726"/>
      <c r="G45" s="727"/>
      <c r="H45" s="948" t="s">
        <v>122</v>
      </c>
      <c r="I45" s="68"/>
      <c r="J45" s="68"/>
      <c r="K45" s="68"/>
      <c r="L45" s="68"/>
      <c r="M45" s="68"/>
      <c r="N45" s="68"/>
      <c r="O45" s="68"/>
      <c r="P45" s="68"/>
      <c r="Q45" s="68"/>
      <c r="R45" s="68"/>
      <c r="S45" s="68"/>
      <c r="T45" s="68"/>
      <c r="U45" s="68"/>
      <c r="V45" s="68"/>
      <c r="W45" s="68"/>
      <c r="X45" s="68"/>
      <c r="Y45" s="68"/>
      <c r="Z45" s="68"/>
      <c r="AA45" s="68"/>
      <c r="AB45" s="68"/>
      <c r="AC45" s="68"/>
      <c r="AD45" s="68"/>
      <c r="AE45" s="68"/>
      <c r="AF45" s="68"/>
      <c r="AG45" s="68"/>
    </row>
    <row r="46" spans="1:34" ht="10.9" customHeight="1">
      <c r="A46" s="68"/>
      <c r="B46" s="68"/>
      <c r="C46" s="942"/>
      <c r="D46" s="943"/>
      <c r="E46" s="943"/>
      <c r="F46" s="943"/>
      <c r="G46" s="944"/>
      <c r="H46" s="948"/>
      <c r="I46" s="68"/>
      <c r="J46" s="68"/>
      <c r="K46" s="68"/>
      <c r="L46" s="68"/>
      <c r="M46" s="68"/>
      <c r="N46" s="68"/>
      <c r="O46" s="68"/>
      <c r="P46" s="68"/>
      <c r="Q46" s="68"/>
      <c r="R46" s="68"/>
      <c r="S46" s="68"/>
      <c r="T46" s="68"/>
      <c r="U46" s="68"/>
      <c r="V46" s="68"/>
      <c r="W46" s="68"/>
      <c r="X46" s="68"/>
      <c r="Y46" s="68"/>
      <c r="Z46" s="68"/>
      <c r="AA46" s="68"/>
      <c r="AB46" s="68"/>
      <c r="AC46" s="68"/>
      <c r="AD46" s="68"/>
      <c r="AE46" s="68"/>
      <c r="AF46" s="68"/>
      <c r="AG46" s="68"/>
    </row>
    <row r="47" spans="1:34" ht="10.9" customHeight="1" thickBot="1">
      <c r="A47" s="68"/>
      <c r="B47" s="68"/>
      <c r="C47" s="945"/>
      <c r="D47" s="946"/>
      <c r="E47" s="946"/>
      <c r="F47" s="946"/>
      <c r="G47" s="947"/>
      <c r="H47" s="948"/>
      <c r="I47" s="68"/>
      <c r="J47" s="68"/>
      <c r="K47" s="68"/>
      <c r="L47" s="68"/>
      <c r="M47" s="68"/>
      <c r="N47" s="68"/>
      <c r="O47" s="68"/>
      <c r="P47" s="68"/>
      <c r="Q47" s="68"/>
      <c r="R47" s="68"/>
      <c r="S47" s="68"/>
      <c r="T47" s="68"/>
      <c r="U47" s="68"/>
      <c r="V47" s="68"/>
      <c r="W47" s="68"/>
      <c r="X47" s="68"/>
      <c r="Y47" s="68"/>
      <c r="Z47" s="68"/>
      <c r="AA47" s="68"/>
      <c r="AB47" s="68"/>
      <c r="AC47" s="68"/>
      <c r="AD47" s="68"/>
      <c r="AE47" s="68"/>
      <c r="AF47" s="68"/>
      <c r="AG47" s="68"/>
    </row>
    <row r="48" spans="1:34" ht="15" customHeight="1">
      <c r="A48" s="68"/>
      <c r="B48" s="68"/>
      <c r="C48" s="175"/>
      <c r="D48" s="175"/>
      <c r="E48" s="175"/>
      <c r="F48" s="175"/>
      <c r="G48" s="175"/>
      <c r="H48" s="72"/>
      <c r="I48" s="68"/>
      <c r="J48" s="68"/>
      <c r="K48" s="68"/>
      <c r="L48" s="68"/>
      <c r="M48" s="68"/>
      <c r="N48" s="68"/>
      <c r="O48" s="68"/>
      <c r="P48" s="68"/>
      <c r="Q48" s="68"/>
      <c r="R48" s="68"/>
      <c r="S48" s="68"/>
      <c r="T48" s="68"/>
      <c r="U48" s="68"/>
      <c r="V48" s="68"/>
      <c r="W48" s="68"/>
      <c r="X48" s="68"/>
      <c r="Y48" s="68"/>
      <c r="Z48" s="68"/>
      <c r="AA48" s="68"/>
      <c r="AB48" s="68"/>
      <c r="AC48" s="68"/>
      <c r="AD48" s="68"/>
      <c r="AE48" s="68"/>
      <c r="AF48" s="68"/>
      <c r="AG48" s="68"/>
    </row>
    <row r="49" spans="1:35" ht="24" customHeight="1" thickBot="1">
      <c r="A49" s="68"/>
      <c r="B49" s="68"/>
      <c r="C49" s="570" t="s">
        <v>432</v>
      </c>
      <c r="D49" s="913"/>
      <c r="E49" s="913"/>
      <c r="F49" s="913"/>
      <c r="G49" s="913"/>
      <c r="H49" s="913"/>
      <c r="I49" s="913"/>
      <c r="J49" s="913"/>
      <c r="K49" s="913"/>
      <c r="L49" s="913"/>
      <c r="M49" s="913"/>
      <c r="N49" s="913"/>
      <c r="O49" s="913"/>
      <c r="P49" s="913"/>
      <c r="Q49" s="913"/>
      <c r="R49" s="913"/>
      <c r="S49" s="913"/>
      <c r="T49" s="913"/>
      <c r="U49" s="913"/>
      <c r="V49" s="913"/>
      <c r="W49" s="913"/>
      <c r="X49" s="913"/>
      <c r="Y49" s="913"/>
      <c r="Z49" s="913"/>
      <c r="AA49" s="913"/>
      <c r="AB49" s="913"/>
      <c r="AC49" s="913"/>
      <c r="AD49" s="913"/>
      <c r="AE49" s="391"/>
      <c r="AF49" s="68"/>
      <c r="AG49" s="68"/>
    </row>
    <row r="50" spans="1:35" ht="32.65" customHeight="1">
      <c r="A50" s="68"/>
      <c r="B50" s="68"/>
      <c r="C50" s="807" t="s">
        <v>258</v>
      </c>
      <c r="D50" s="808"/>
      <c r="E50" s="808"/>
      <c r="F50" s="808"/>
      <c r="G50" s="808"/>
      <c r="H50" s="808"/>
      <c r="I50" s="808"/>
      <c r="J50" s="815" t="s">
        <v>344</v>
      </c>
      <c r="K50" s="563"/>
      <c r="L50" s="563"/>
      <c r="M50" s="563"/>
      <c r="N50" s="563"/>
      <c r="O50" s="563"/>
      <c r="P50" s="563"/>
      <c r="Q50" s="562"/>
      <c r="R50" s="841" t="s">
        <v>182</v>
      </c>
      <c r="S50" s="842"/>
      <c r="T50" s="842"/>
      <c r="U50" s="843"/>
      <c r="V50" s="841" t="s">
        <v>243</v>
      </c>
      <c r="W50" s="842"/>
      <c r="X50" s="842"/>
      <c r="Y50" s="842"/>
      <c r="Z50" s="843"/>
      <c r="AA50" s="889" t="s">
        <v>179</v>
      </c>
      <c r="AB50" s="563"/>
      <c r="AC50" s="563"/>
      <c r="AD50" s="563"/>
      <c r="AE50" s="169" t="s">
        <v>332</v>
      </c>
      <c r="AF50" s="68"/>
      <c r="AG50" s="68"/>
      <c r="AH50" s="67" t="s">
        <v>118</v>
      </c>
      <c r="AI50" s="67">
        <f>SUM(AC68:AC72)</f>
        <v>0</v>
      </c>
    </row>
    <row r="51" spans="1:35" ht="32.65" customHeight="1">
      <c r="A51" s="68"/>
      <c r="B51" s="68"/>
      <c r="C51" s="844"/>
      <c r="D51" s="845"/>
      <c r="E51" s="845"/>
      <c r="F51" s="845"/>
      <c r="G51" s="845"/>
      <c r="H51" s="845"/>
      <c r="I51" s="845"/>
      <c r="J51" s="846"/>
      <c r="K51" s="847"/>
      <c r="L51" s="847"/>
      <c r="M51" s="847"/>
      <c r="N51" s="847"/>
      <c r="O51" s="847"/>
      <c r="P51" s="847"/>
      <c r="Q51" s="848"/>
      <c r="R51" s="849"/>
      <c r="S51" s="850"/>
      <c r="T51" s="850"/>
      <c r="U51" s="851"/>
      <c r="V51" s="852"/>
      <c r="W51" s="853"/>
      <c r="X51" s="853"/>
      <c r="Y51" s="853"/>
      <c r="Z51" s="854"/>
      <c r="AA51" s="855">
        <f>ROUNDDOWN(R51*V51,0)</f>
        <v>0</v>
      </c>
      <c r="AB51" s="856"/>
      <c r="AC51" s="856"/>
      <c r="AD51" s="856"/>
      <c r="AE51" s="352"/>
      <c r="AF51" s="68"/>
      <c r="AG51" s="68"/>
      <c r="AH51" s="67" t="s">
        <v>116</v>
      </c>
      <c r="AI51" s="395">
        <v>905000</v>
      </c>
    </row>
    <row r="52" spans="1:35" ht="32.65" customHeight="1">
      <c r="A52" s="68"/>
      <c r="B52" s="68"/>
      <c r="C52" s="844"/>
      <c r="D52" s="845"/>
      <c r="E52" s="845"/>
      <c r="F52" s="845"/>
      <c r="G52" s="845"/>
      <c r="H52" s="845"/>
      <c r="I52" s="845"/>
      <c r="J52" s="846"/>
      <c r="K52" s="847"/>
      <c r="L52" s="847"/>
      <c r="M52" s="847"/>
      <c r="N52" s="847"/>
      <c r="O52" s="847"/>
      <c r="P52" s="847"/>
      <c r="Q52" s="848"/>
      <c r="R52" s="849"/>
      <c r="S52" s="850"/>
      <c r="T52" s="850"/>
      <c r="U52" s="851"/>
      <c r="V52" s="852"/>
      <c r="W52" s="853"/>
      <c r="X52" s="853"/>
      <c r="Y52" s="853"/>
      <c r="Z52" s="854"/>
      <c r="AA52" s="855">
        <f t="shared" ref="AA52:AA60" si="0">ROUNDDOWN(R52*V52,0)</f>
        <v>0</v>
      </c>
      <c r="AB52" s="856"/>
      <c r="AC52" s="856"/>
      <c r="AD52" s="856"/>
      <c r="AE52" s="353"/>
      <c r="AF52" s="68"/>
      <c r="AG52" s="68"/>
      <c r="AH52" s="67" t="s">
        <v>123</v>
      </c>
      <c r="AI52" s="192">
        <f>AA61+AA134-C65</f>
        <v>0</v>
      </c>
    </row>
    <row r="53" spans="1:35" ht="32.65" customHeight="1">
      <c r="A53" s="68"/>
      <c r="B53" s="68"/>
      <c r="C53" s="844"/>
      <c r="D53" s="845"/>
      <c r="E53" s="845"/>
      <c r="F53" s="845"/>
      <c r="G53" s="845"/>
      <c r="H53" s="845"/>
      <c r="I53" s="845"/>
      <c r="J53" s="846"/>
      <c r="K53" s="847"/>
      <c r="L53" s="847"/>
      <c r="M53" s="847"/>
      <c r="N53" s="847"/>
      <c r="O53" s="847"/>
      <c r="P53" s="847"/>
      <c r="Q53" s="848"/>
      <c r="R53" s="849"/>
      <c r="S53" s="850"/>
      <c r="T53" s="850"/>
      <c r="U53" s="851"/>
      <c r="V53" s="852"/>
      <c r="W53" s="853"/>
      <c r="X53" s="853"/>
      <c r="Y53" s="853"/>
      <c r="Z53" s="854"/>
      <c r="AA53" s="855">
        <f t="shared" si="0"/>
        <v>0</v>
      </c>
      <c r="AB53" s="856"/>
      <c r="AC53" s="856"/>
      <c r="AD53" s="856"/>
      <c r="AE53" s="353"/>
      <c r="AF53" s="68"/>
      <c r="AG53" s="68"/>
      <c r="AI53" s="68"/>
    </row>
    <row r="54" spans="1:35" ht="32.65" customHeight="1">
      <c r="A54" s="68"/>
      <c r="B54" s="68"/>
      <c r="C54" s="844"/>
      <c r="D54" s="845"/>
      <c r="E54" s="845"/>
      <c r="F54" s="845"/>
      <c r="G54" s="845"/>
      <c r="H54" s="845"/>
      <c r="I54" s="845"/>
      <c r="J54" s="846"/>
      <c r="K54" s="847"/>
      <c r="L54" s="847"/>
      <c r="M54" s="847"/>
      <c r="N54" s="847"/>
      <c r="O54" s="847"/>
      <c r="P54" s="847"/>
      <c r="Q54" s="848"/>
      <c r="R54" s="849"/>
      <c r="S54" s="850"/>
      <c r="T54" s="850"/>
      <c r="U54" s="851"/>
      <c r="V54" s="852"/>
      <c r="W54" s="853"/>
      <c r="X54" s="853"/>
      <c r="Y54" s="853"/>
      <c r="Z54" s="854"/>
      <c r="AA54" s="855">
        <f t="shared" si="0"/>
        <v>0</v>
      </c>
      <c r="AB54" s="856"/>
      <c r="AC54" s="856"/>
      <c r="AD54" s="856"/>
      <c r="AE54" s="353"/>
      <c r="AF54" s="68"/>
      <c r="AG54" s="68"/>
      <c r="AI54" s="68"/>
    </row>
    <row r="55" spans="1:35" ht="32.65" customHeight="1" thickBot="1">
      <c r="A55" s="68"/>
      <c r="B55" s="68"/>
      <c r="C55" s="887"/>
      <c r="D55" s="888"/>
      <c r="E55" s="888"/>
      <c r="F55" s="888"/>
      <c r="G55" s="888"/>
      <c r="H55" s="888"/>
      <c r="I55" s="888"/>
      <c r="J55" s="914"/>
      <c r="K55" s="915"/>
      <c r="L55" s="915"/>
      <c r="M55" s="915"/>
      <c r="N55" s="915"/>
      <c r="O55" s="915"/>
      <c r="P55" s="915"/>
      <c r="Q55" s="916"/>
      <c r="R55" s="907"/>
      <c r="S55" s="908"/>
      <c r="T55" s="908"/>
      <c r="U55" s="909"/>
      <c r="V55" s="910"/>
      <c r="W55" s="911"/>
      <c r="X55" s="911"/>
      <c r="Y55" s="911"/>
      <c r="Z55" s="912"/>
      <c r="AA55" s="917">
        <f t="shared" si="0"/>
        <v>0</v>
      </c>
      <c r="AB55" s="918"/>
      <c r="AC55" s="918"/>
      <c r="AD55" s="919"/>
      <c r="AE55" s="354"/>
      <c r="AF55" s="68"/>
      <c r="AG55" s="68"/>
      <c r="AI55" s="68"/>
    </row>
    <row r="56" spans="1:35" ht="32.65" hidden="1" customHeight="1" outlineLevel="1">
      <c r="A56" s="68"/>
      <c r="B56" s="68"/>
      <c r="C56" s="899"/>
      <c r="D56" s="900"/>
      <c r="E56" s="900"/>
      <c r="F56" s="900"/>
      <c r="G56" s="900"/>
      <c r="H56" s="900"/>
      <c r="I56" s="900"/>
      <c r="J56" s="928"/>
      <c r="K56" s="929"/>
      <c r="L56" s="929"/>
      <c r="M56" s="929"/>
      <c r="N56" s="929"/>
      <c r="O56" s="929"/>
      <c r="P56" s="929"/>
      <c r="Q56" s="930"/>
      <c r="R56" s="894"/>
      <c r="S56" s="895"/>
      <c r="T56" s="895"/>
      <c r="U56" s="931"/>
      <c r="V56" s="932"/>
      <c r="W56" s="933"/>
      <c r="X56" s="933"/>
      <c r="Y56" s="933"/>
      <c r="Z56" s="934"/>
      <c r="AA56" s="935">
        <f>ROUNDDOWN(R56*V56,0)</f>
        <v>0</v>
      </c>
      <c r="AB56" s="936"/>
      <c r="AC56" s="936"/>
      <c r="AD56" s="936"/>
      <c r="AE56" s="419"/>
      <c r="AF56" s="68"/>
      <c r="AG56" s="68"/>
      <c r="AI56" s="68"/>
    </row>
    <row r="57" spans="1:35" ht="32.65" hidden="1" customHeight="1" outlineLevel="1">
      <c r="A57" s="68"/>
      <c r="B57" s="68"/>
      <c r="C57" s="844"/>
      <c r="D57" s="845"/>
      <c r="E57" s="845"/>
      <c r="F57" s="845"/>
      <c r="G57" s="845"/>
      <c r="H57" s="845"/>
      <c r="I57" s="845"/>
      <c r="J57" s="846"/>
      <c r="K57" s="847"/>
      <c r="L57" s="847"/>
      <c r="M57" s="847"/>
      <c r="N57" s="847"/>
      <c r="O57" s="847"/>
      <c r="P57" s="847"/>
      <c r="Q57" s="848"/>
      <c r="R57" s="849"/>
      <c r="S57" s="850"/>
      <c r="T57" s="850"/>
      <c r="U57" s="851"/>
      <c r="V57" s="852"/>
      <c r="W57" s="853"/>
      <c r="X57" s="853"/>
      <c r="Y57" s="853"/>
      <c r="Z57" s="854"/>
      <c r="AA57" s="855">
        <f>ROUNDDOWN(R57*V57,0)</f>
        <v>0</v>
      </c>
      <c r="AB57" s="856"/>
      <c r="AC57" s="856"/>
      <c r="AD57" s="856"/>
      <c r="AE57" s="420"/>
      <c r="AF57" s="68"/>
      <c r="AG57" s="68"/>
      <c r="AI57" s="68"/>
    </row>
    <row r="58" spans="1:35" ht="32.65" hidden="1" customHeight="1" outlineLevel="1">
      <c r="A58" s="68"/>
      <c r="B58" s="68"/>
      <c r="C58" s="844"/>
      <c r="D58" s="845"/>
      <c r="E58" s="845"/>
      <c r="F58" s="845"/>
      <c r="G58" s="845"/>
      <c r="H58" s="845"/>
      <c r="I58" s="845"/>
      <c r="J58" s="846"/>
      <c r="K58" s="847"/>
      <c r="L58" s="847"/>
      <c r="M58" s="847"/>
      <c r="N58" s="847"/>
      <c r="O58" s="847"/>
      <c r="P58" s="847"/>
      <c r="Q58" s="848"/>
      <c r="R58" s="849"/>
      <c r="S58" s="850"/>
      <c r="T58" s="850"/>
      <c r="U58" s="851"/>
      <c r="V58" s="852"/>
      <c r="W58" s="853"/>
      <c r="X58" s="853"/>
      <c r="Y58" s="853"/>
      <c r="Z58" s="854"/>
      <c r="AA58" s="855">
        <f t="shared" si="0"/>
        <v>0</v>
      </c>
      <c r="AB58" s="856"/>
      <c r="AC58" s="856"/>
      <c r="AD58" s="856"/>
      <c r="AE58" s="420"/>
      <c r="AF58" s="68"/>
      <c r="AG58" s="68"/>
      <c r="AI58" s="68"/>
    </row>
    <row r="59" spans="1:35" ht="32.65" hidden="1" customHeight="1" outlineLevel="1">
      <c r="A59" s="68"/>
      <c r="B59" s="68"/>
      <c r="C59" s="844"/>
      <c r="D59" s="845"/>
      <c r="E59" s="845"/>
      <c r="F59" s="845"/>
      <c r="G59" s="845"/>
      <c r="H59" s="845"/>
      <c r="I59" s="845"/>
      <c r="J59" s="846"/>
      <c r="K59" s="847"/>
      <c r="L59" s="847"/>
      <c r="M59" s="847"/>
      <c r="N59" s="847"/>
      <c r="O59" s="847"/>
      <c r="P59" s="847"/>
      <c r="Q59" s="848"/>
      <c r="R59" s="849"/>
      <c r="S59" s="850"/>
      <c r="T59" s="850"/>
      <c r="U59" s="851"/>
      <c r="V59" s="852"/>
      <c r="W59" s="853"/>
      <c r="X59" s="853"/>
      <c r="Y59" s="853"/>
      <c r="Z59" s="854"/>
      <c r="AA59" s="855">
        <f t="shared" si="0"/>
        <v>0</v>
      </c>
      <c r="AB59" s="856"/>
      <c r="AC59" s="856"/>
      <c r="AD59" s="856"/>
      <c r="AE59" s="420"/>
      <c r="AF59" s="68"/>
      <c r="AG59" s="68"/>
    </row>
    <row r="60" spans="1:35" ht="32.65" hidden="1" customHeight="1" outlineLevel="1" thickBot="1">
      <c r="A60" s="68"/>
      <c r="B60" s="68"/>
      <c r="C60" s="887"/>
      <c r="D60" s="888"/>
      <c r="E60" s="888"/>
      <c r="F60" s="888"/>
      <c r="G60" s="888"/>
      <c r="H60" s="888"/>
      <c r="I60" s="888"/>
      <c r="J60" s="914"/>
      <c r="K60" s="915"/>
      <c r="L60" s="915"/>
      <c r="M60" s="915"/>
      <c r="N60" s="915"/>
      <c r="O60" s="915"/>
      <c r="P60" s="915"/>
      <c r="Q60" s="916"/>
      <c r="R60" s="907"/>
      <c r="S60" s="908"/>
      <c r="T60" s="908"/>
      <c r="U60" s="909"/>
      <c r="V60" s="910"/>
      <c r="W60" s="911"/>
      <c r="X60" s="911"/>
      <c r="Y60" s="911"/>
      <c r="Z60" s="912"/>
      <c r="AA60" s="917">
        <f t="shared" si="0"/>
        <v>0</v>
      </c>
      <c r="AB60" s="918"/>
      <c r="AC60" s="918"/>
      <c r="AD60" s="919"/>
      <c r="AE60" s="421"/>
      <c r="AF60" s="68"/>
      <c r="AG60" s="68"/>
    </row>
    <row r="61" spans="1:35" ht="32.65" customHeight="1" collapsed="1" thickBot="1">
      <c r="A61" s="68"/>
      <c r="B61" s="68"/>
      <c r="C61" s="70"/>
      <c r="D61" s="70"/>
      <c r="E61" s="70"/>
      <c r="F61" s="70"/>
      <c r="G61" s="70"/>
      <c r="H61" s="70"/>
      <c r="I61" s="70"/>
      <c r="J61" s="70"/>
      <c r="K61" s="70"/>
      <c r="L61" s="70"/>
      <c r="M61" s="70"/>
      <c r="N61" s="70"/>
      <c r="O61" s="70"/>
      <c r="P61" s="70"/>
      <c r="Q61" s="70"/>
      <c r="R61" s="70"/>
      <c r="S61" s="70"/>
      <c r="T61" s="70"/>
      <c r="U61" s="70"/>
      <c r="V61" s="70"/>
      <c r="W61" s="70"/>
      <c r="X61" s="70"/>
      <c r="Y61" s="70"/>
      <c r="Z61" s="176" t="s">
        <v>54</v>
      </c>
      <c r="AA61" s="925">
        <f>SUM(AA51:AD60)</f>
        <v>0</v>
      </c>
      <c r="AB61" s="926"/>
      <c r="AC61" s="926"/>
      <c r="AD61" s="927"/>
      <c r="AE61" s="392"/>
      <c r="AF61" s="68"/>
      <c r="AG61" s="68"/>
    </row>
    <row r="62" spans="1:35" ht="15" customHeight="1">
      <c r="A62" s="68"/>
      <c r="B62" s="68"/>
      <c r="C62" s="70"/>
      <c r="D62" s="70"/>
      <c r="E62" s="70"/>
      <c r="F62" s="70"/>
      <c r="G62" s="70"/>
      <c r="H62" s="70"/>
      <c r="I62" s="70"/>
      <c r="J62" s="70"/>
      <c r="K62" s="70"/>
      <c r="L62" s="70"/>
      <c r="M62" s="70"/>
      <c r="N62" s="70"/>
      <c r="O62" s="70"/>
      <c r="P62" s="70"/>
      <c r="Q62" s="70"/>
      <c r="R62" s="70"/>
      <c r="S62" s="70"/>
      <c r="T62" s="70"/>
      <c r="U62" s="70"/>
      <c r="V62" s="70"/>
      <c r="W62" s="70"/>
      <c r="X62" s="70"/>
      <c r="Y62" s="70"/>
      <c r="Z62" s="70"/>
      <c r="AA62" s="176"/>
      <c r="AB62" s="101"/>
      <c r="AC62" s="101"/>
      <c r="AD62" s="101"/>
      <c r="AE62" s="101"/>
      <c r="AF62" s="68"/>
      <c r="AG62" s="68"/>
    </row>
    <row r="63" spans="1:35" ht="15" customHeight="1">
      <c r="A63" s="125"/>
      <c r="B63" s="125"/>
      <c r="C63" s="135" t="s">
        <v>186</v>
      </c>
      <c r="D63" s="124"/>
      <c r="E63" s="124"/>
      <c r="F63" s="124"/>
      <c r="G63" s="124"/>
      <c r="H63" s="124"/>
      <c r="I63" s="124"/>
      <c r="J63" s="124"/>
      <c r="K63" s="139"/>
      <c r="L63" s="139"/>
      <c r="M63" s="139"/>
      <c r="N63" s="139"/>
      <c r="O63" s="139"/>
      <c r="P63" s="139"/>
      <c r="Q63" s="139"/>
      <c r="R63" s="139"/>
      <c r="S63" s="139"/>
      <c r="T63" s="139"/>
      <c r="U63" s="139"/>
      <c r="V63" s="139"/>
      <c r="W63" s="139"/>
      <c r="X63" s="139"/>
      <c r="Y63" s="139"/>
      <c r="Z63" s="139"/>
      <c r="AA63" s="140"/>
      <c r="AB63" s="215"/>
      <c r="AC63" s="215"/>
      <c r="AD63" s="215"/>
      <c r="AE63" s="334"/>
      <c r="AF63" s="125"/>
      <c r="AG63" s="125"/>
    </row>
    <row r="64" spans="1:35" ht="21" customHeight="1" thickBot="1">
      <c r="A64" s="125"/>
      <c r="B64" s="125"/>
      <c r="C64" s="729" t="s">
        <v>165</v>
      </c>
      <c r="D64" s="729"/>
      <c r="E64" s="729"/>
      <c r="F64" s="729"/>
      <c r="G64" s="729"/>
      <c r="H64" s="124"/>
      <c r="I64" s="124"/>
      <c r="J64" s="124"/>
      <c r="K64" s="139"/>
      <c r="L64" s="139"/>
      <c r="M64" s="139"/>
      <c r="N64" s="139"/>
      <c r="O64" s="139"/>
      <c r="P64" s="139"/>
      <c r="Q64" s="139"/>
      <c r="R64" s="139"/>
      <c r="S64" s="139"/>
      <c r="T64" s="139"/>
      <c r="U64" s="139"/>
      <c r="V64" s="139"/>
      <c r="W64" s="139"/>
      <c r="X64" s="139"/>
      <c r="Y64" s="139"/>
      <c r="Z64" s="139"/>
      <c r="AA64" s="140"/>
      <c r="AB64" s="215"/>
      <c r="AC64" s="215"/>
      <c r="AD64" s="215"/>
      <c r="AE64" s="334"/>
      <c r="AF64" s="125"/>
      <c r="AG64" s="125"/>
    </row>
    <row r="65" spans="1:33" ht="32.65" customHeight="1" thickBot="1">
      <c r="A65" s="125"/>
      <c r="B65" s="125"/>
      <c r="C65" s="730"/>
      <c r="D65" s="731"/>
      <c r="E65" s="731"/>
      <c r="F65" s="731"/>
      <c r="G65" s="732"/>
      <c r="H65" s="213" t="s">
        <v>166</v>
      </c>
      <c r="I65" s="139"/>
      <c r="J65" s="139"/>
      <c r="K65" s="139"/>
      <c r="L65" s="139"/>
      <c r="M65" s="139"/>
      <c r="N65" s="139"/>
      <c r="O65" s="139"/>
      <c r="P65" s="139"/>
      <c r="Q65" s="139"/>
      <c r="R65" s="139"/>
      <c r="S65" s="139"/>
      <c r="T65" s="139"/>
      <c r="U65" s="139"/>
      <c r="V65" s="139"/>
      <c r="W65" s="139"/>
      <c r="X65" s="139"/>
      <c r="Y65" s="139"/>
      <c r="Z65" s="139"/>
      <c r="AA65" s="140"/>
      <c r="AB65" s="215"/>
      <c r="AC65" s="215"/>
      <c r="AD65" s="215"/>
      <c r="AE65" s="334"/>
      <c r="AF65" s="125"/>
      <c r="AG65" s="436" t="s">
        <v>430</v>
      </c>
    </row>
    <row r="66" spans="1:33" ht="15" customHeight="1">
      <c r="A66" s="68"/>
      <c r="B66" s="68"/>
      <c r="C66" s="70"/>
      <c r="D66" s="70"/>
      <c r="E66" s="70"/>
      <c r="F66" s="70"/>
      <c r="G66" s="70"/>
      <c r="H66" s="70"/>
      <c r="I66" s="70"/>
      <c r="J66" s="70"/>
      <c r="K66" s="70"/>
      <c r="L66" s="70"/>
      <c r="M66" s="70"/>
      <c r="N66" s="70"/>
      <c r="O66" s="70"/>
      <c r="P66" s="70"/>
      <c r="Q66" s="70"/>
      <c r="R66" s="70"/>
      <c r="S66" s="70"/>
      <c r="T66" s="70"/>
      <c r="U66" s="70"/>
      <c r="V66" s="70"/>
      <c r="W66" s="70"/>
      <c r="X66" s="70"/>
      <c r="Y66" s="70"/>
      <c r="Z66" s="70"/>
      <c r="AA66" s="176"/>
      <c r="AB66" s="72"/>
      <c r="AC66" s="72"/>
      <c r="AD66" s="72"/>
      <c r="AE66" s="72"/>
      <c r="AF66" s="68"/>
      <c r="AG66" s="68"/>
    </row>
    <row r="67" spans="1:33" ht="15" thickBot="1">
      <c r="A67" s="68"/>
      <c r="B67" s="68"/>
      <c r="C67" s="593" t="s">
        <v>200</v>
      </c>
      <c r="D67" s="593"/>
      <c r="E67" s="593"/>
      <c r="F67" s="593"/>
      <c r="G67" s="593"/>
      <c r="H67" s="593"/>
      <c r="I67" s="593"/>
      <c r="J67" s="593"/>
      <c r="K67" s="593"/>
      <c r="L67" s="593"/>
      <c r="M67" s="593"/>
      <c r="N67" s="593"/>
      <c r="O67" s="593"/>
      <c r="P67" s="593"/>
      <c r="Q67" s="593"/>
      <c r="R67" s="593"/>
      <c r="S67" s="593"/>
      <c r="T67" s="593"/>
      <c r="U67" s="593"/>
      <c r="V67" s="593"/>
      <c r="W67" s="593"/>
      <c r="X67" s="593"/>
      <c r="Y67" s="593"/>
      <c r="Z67" s="593"/>
      <c r="AA67" s="593"/>
      <c r="AB67" s="593"/>
      <c r="AC67" s="593"/>
      <c r="AD67" s="593"/>
      <c r="AE67" s="326"/>
      <c r="AF67" s="68"/>
      <c r="AG67" s="68"/>
    </row>
    <row r="68" spans="1:33" ht="32.65" customHeight="1">
      <c r="A68" s="68"/>
      <c r="B68" s="68"/>
      <c r="C68" s="949" t="s">
        <v>21</v>
      </c>
      <c r="D68" s="835"/>
      <c r="E68" s="835"/>
      <c r="F68" s="835"/>
      <c r="G68" s="835" t="s">
        <v>69</v>
      </c>
      <c r="H68" s="835"/>
      <c r="I68" s="835"/>
      <c r="J68" s="835"/>
      <c r="K68" s="835"/>
      <c r="L68" s="835"/>
      <c r="M68" s="835"/>
      <c r="N68" s="835"/>
      <c r="O68" s="835"/>
      <c r="P68" s="835"/>
      <c r="Q68" s="835"/>
      <c r="R68" s="835"/>
      <c r="S68" s="835"/>
      <c r="T68" s="835"/>
      <c r="U68" s="835"/>
      <c r="V68" s="835"/>
      <c r="W68" s="835"/>
      <c r="X68" s="835"/>
      <c r="Y68" s="835"/>
      <c r="Z68" s="835"/>
      <c r="AA68" s="835"/>
      <c r="AB68" s="835"/>
      <c r="AC68" s="835"/>
      <c r="AD68" s="835"/>
      <c r="AE68" s="836"/>
      <c r="AF68" s="68"/>
      <c r="AG68" s="68"/>
    </row>
    <row r="69" spans="1:33" ht="32.65" customHeight="1">
      <c r="A69" s="68"/>
      <c r="B69" s="68"/>
      <c r="C69" s="923"/>
      <c r="D69" s="924"/>
      <c r="E69" s="924"/>
      <c r="F69" s="924"/>
      <c r="G69" s="337">
        <v>1</v>
      </c>
      <c r="H69" s="837" t="s">
        <v>70</v>
      </c>
      <c r="I69" s="837"/>
      <c r="J69" s="837"/>
      <c r="K69" s="837"/>
      <c r="L69" s="837"/>
      <c r="M69" s="837"/>
      <c r="N69" s="837"/>
      <c r="O69" s="837"/>
      <c r="P69" s="837"/>
      <c r="Q69" s="837"/>
      <c r="R69" s="837"/>
      <c r="S69" s="837"/>
      <c r="T69" s="837"/>
      <c r="U69" s="837"/>
      <c r="V69" s="837"/>
      <c r="W69" s="837"/>
      <c r="X69" s="837"/>
      <c r="Y69" s="837"/>
      <c r="Z69" s="837"/>
      <c r="AA69" s="837"/>
      <c r="AB69" s="837"/>
      <c r="AC69" s="837"/>
      <c r="AD69" s="837"/>
      <c r="AE69" s="838"/>
      <c r="AF69" s="68"/>
      <c r="AG69" s="68"/>
    </row>
    <row r="70" spans="1:33" ht="32.65" customHeight="1" thickBot="1">
      <c r="A70" s="68"/>
      <c r="B70" s="68"/>
      <c r="C70" s="940"/>
      <c r="D70" s="941"/>
      <c r="E70" s="941"/>
      <c r="F70" s="941"/>
      <c r="G70" s="339">
        <v>2</v>
      </c>
      <c r="H70" s="839" t="s">
        <v>71</v>
      </c>
      <c r="I70" s="839"/>
      <c r="J70" s="839"/>
      <c r="K70" s="839"/>
      <c r="L70" s="839"/>
      <c r="M70" s="839"/>
      <c r="N70" s="839"/>
      <c r="O70" s="839"/>
      <c r="P70" s="839"/>
      <c r="Q70" s="839"/>
      <c r="R70" s="839"/>
      <c r="S70" s="839"/>
      <c r="T70" s="839"/>
      <c r="U70" s="839"/>
      <c r="V70" s="839"/>
      <c r="W70" s="839"/>
      <c r="X70" s="839"/>
      <c r="Y70" s="839"/>
      <c r="Z70" s="839"/>
      <c r="AA70" s="839"/>
      <c r="AB70" s="839"/>
      <c r="AC70" s="839"/>
      <c r="AD70" s="839"/>
      <c r="AE70" s="840"/>
      <c r="AF70" s="68"/>
      <c r="AG70" s="68"/>
    </row>
    <row r="71" spans="1:33" ht="18" customHeight="1">
      <c r="A71" s="68"/>
      <c r="B71" s="68"/>
      <c r="C71" s="210" t="s">
        <v>72</v>
      </c>
      <c r="D71" s="68"/>
      <c r="E71" s="68"/>
      <c r="F71" s="68"/>
      <c r="G71" s="68"/>
      <c r="H71" s="68"/>
      <c r="I71" s="68"/>
      <c r="J71" s="68"/>
      <c r="K71" s="68"/>
      <c r="L71" s="68"/>
      <c r="M71" s="68"/>
      <c r="N71" s="68"/>
      <c r="O71" s="68"/>
      <c r="P71" s="68"/>
      <c r="Q71" s="68"/>
      <c r="R71" s="68"/>
      <c r="S71" s="68"/>
      <c r="T71" s="68"/>
      <c r="U71" s="68"/>
      <c r="V71" s="68"/>
      <c r="W71" s="68"/>
      <c r="X71" s="68"/>
      <c r="Y71" s="68"/>
      <c r="Z71" s="68"/>
      <c r="AA71" s="68"/>
      <c r="AB71" s="68"/>
      <c r="AC71" s="68"/>
      <c r="AD71" s="68"/>
      <c r="AE71" s="68"/>
      <c r="AF71" s="68"/>
      <c r="AG71" s="68"/>
    </row>
    <row r="72" spans="1:33">
      <c r="A72" s="68"/>
      <c r="B72" s="68"/>
      <c r="C72" s="173"/>
      <c r="D72" s="68"/>
      <c r="E72" s="68"/>
      <c r="F72" s="68"/>
      <c r="G72" s="68"/>
      <c r="H72" s="68"/>
      <c r="I72" s="68"/>
      <c r="J72" s="68"/>
      <c r="K72" s="68"/>
      <c r="L72" s="68"/>
      <c r="M72" s="68"/>
      <c r="N72" s="68"/>
      <c r="O72" s="68"/>
      <c r="P72" s="68"/>
      <c r="Q72" s="68"/>
      <c r="R72" s="68"/>
      <c r="S72" s="68"/>
      <c r="T72" s="68"/>
      <c r="U72" s="68"/>
      <c r="V72" s="68"/>
      <c r="W72" s="68"/>
      <c r="X72" s="68"/>
      <c r="Y72" s="68"/>
      <c r="Z72" s="68"/>
      <c r="AA72" s="68"/>
      <c r="AB72" s="68"/>
      <c r="AC72" s="68"/>
      <c r="AD72" s="68"/>
      <c r="AE72" s="68"/>
      <c r="AF72" s="68"/>
      <c r="AG72" s="68"/>
    </row>
    <row r="73" spans="1:33" ht="15" thickBot="1">
      <c r="A73" s="68"/>
      <c r="B73" s="68"/>
      <c r="C73" s="593" t="s">
        <v>201</v>
      </c>
      <c r="D73" s="593"/>
      <c r="E73" s="593"/>
      <c r="F73" s="593"/>
      <c r="G73" s="593"/>
      <c r="H73" s="593"/>
      <c r="I73" s="593"/>
      <c r="J73" s="593"/>
      <c r="K73" s="593"/>
      <c r="L73" s="593"/>
      <c r="M73" s="593"/>
      <c r="N73" s="593"/>
      <c r="O73" s="593"/>
      <c r="P73" s="593"/>
      <c r="Q73" s="593"/>
      <c r="R73" s="593"/>
      <c r="S73" s="593"/>
      <c r="T73" s="593"/>
      <c r="U73" s="593"/>
      <c r="V73" s="593"/>
      <c r="W73" s="593"/>
      <c r="X73" s="593"/>
      <c r="Y73" s="593"/>
      <c r="Z73" s="593"/>
      <c r="AA73" s="593"/>
      <c r="AB73" s="593"/>
      <c r="AC73" s="593"/>
      <c r="AD73" s="593"/>
      <c r="AE73" s="326"/>
      <c r="AF73" s="68"/>
      <c r="AG73" s="68"/>
    </row>
    <row r="74" spans="1:33" ht="32.65" customHeight="1">
      <c r="A74" s="68"/>
      <c r="B74" s="68"/>
      <c r="C74" s="949" t="s">
        <v>21</v>
      </c>
      <c r="D74" s="835"/>
      <c r="E74" s="835"/>
      <c r="F74" s="835"/>
      <c r="G74" s="835" t="s">
        <v>73</v>
      </c>
      <c r="H74" s="835"/>
      <c r="I74" s="835"/>
      <c r="J74" s="835"/>
      <c r="K74" s="835"/>
      <c r="L74" s="835"/>
      <c r="M74" s="835"/>
      <c r="N74" s="835"/>
      <c r="O74" s="835"/>
      <c r="P74" s="835"/>
      <c r="Q74" s="835"/>
      <c r="R74" s="835"/>
      <c r="S74" s="835"/>
      <c r="T74" s="835"/>
      <c r="U74" s="835"/>
      <c r="V74" s="835"/>
      <c r="W74" s="835"/>
      <c r="X74" s="835"/>
      <c r="Y74" s="835"/>
      <c r="Z74" s="835"/>
      <c r="AA74" s="835"/>
      <c r="AB74" s="835"/>
      <c r="AC74" s="835"/>
      <c r="AD74" s="835"/>
      <c r="AE74" s="836"/>
      <c r="AF74" s="68"/>
      <c r="AG74" s="68"/>
    </row>
    <row r="75" spans="1:33" ht="32.65" customHeight="1">
      <c r="A75" s="68"/>
      <c r="B75" s="68"/>
      <c r="C75" s="923"/>
      <c r="D75" s="924"/>
      <c r="E75" s="924"/>
      <c r="F75" s="924"/>
      <c r="G75" s="337">
        <v>1</v>
      </c>
      <c r="H75" s="837" t="s">
        <v>70</v>
      </c>
      <c r="I75" s="837"/>
      <c r="J75" s="837"/>
      <c r="K75" s="837"/>
      <c r="L75" s="837"/>
      <c r="M75" s="837"/>
      <c r="N75" s="837"/>
      <c r="O75" s="837"/>
      <c r="P75" s="837"/>
      <c r="Q75" s="837"/>
      <c r="R75" s="837"/>
      <c r="S75" s="837"/>
      <c r="T75" s="837"/>
      <c r="U75" s="837"/>
      <c r="V75" s="837"/>
      <c r="W75" s="837"/>
      <c r="X75" s="837"/>
      <c r="Y75" s="837"/>
      <c r="Z75" s="837"/>
      <c r="AA75" s="837"/>
      <c r="AB75" s="837"/>
      <c r="AC75" s="837"/>
      <c r="AD75" s="837"/>
      <c r="AE75" s="838"/>
      <c r="AF75" s="68"/>
      <c r="AG75" s="68"/>
    </row>
    <row r="76" spans="1:33" ht="32.65" customHeight="1" thickBot="1">
      <c r="A76" s="68"/>
      <c r="B76" s="68"/>
      <c r="C76" s="940"/>
      <c r="D76" s="941"/>
      <c r="E76" s="941"/>
      <c r="F76" s="941"/>
      <c r="G76" s="339">
        <v>2</v>
      </c>
      <c r="H76" s="839" t="s">
        <v>71</v>
      </c>
      <c r="I76" s="839"/>
      <c r="J76" s="839"/>
      <c r="K76" s="839"/>
      <c r="L76" s="839"/>
      <c r="M76" s="839"/>
      <c r="N76" s="839"/>
      <c r="O76" s="839"/>
      <c r="P76" s="839"/>
      <c r="Q76" s="839"/>
      <c r="R76" s="839"/>
      <c r="S76" s="839"/>
      <c r="T76" s="839"/>
      <c r="U76" s="839"/>
      <c r="V76" s="839"/>
      <c r="W76" s="839"/>
      <c r="X76" s="839"/>
      <c r="Y76" s="839"/>
      <c r="Z76" s="839"/>
      <c r="AA76" s="839"/>
      <c r="AB76" s="839"/>
      <c r="AC76" s="839"/>
      <c r="AD76" s="839"/>
      <c r="AE76" s="840"/>
      <c r="AF76" s="68"/>
      <c r="AG76" s="68"/>
    </row>
    <row r="77" spans="1:33" ht="21" customHeight="1">
      <c r="A77" s="68"/>
      <c r="B77" s="68"/>
      <c r="C77" s="100" t="s">
        <v>193</v>
      </c>
      <c r="D77" s="100"/>
      <c r="E77" s="100"/>
      <c r="F77" s="100"/>
      <c r="G77" s="100"/>
      <c r="H77" s="100"/>
      <c r="I77" s="100"/>
      <c r="J77" s="100"/>
      <c r="K77" s="100"/>
      <c r="L77" s="100"/>
      <c r="M77" s="100"/>
      <c r="N77" s="100"/>
      <c r="O77" s="100"/>
      <c r="P77" s="100"/>
      <c r="Q77" s="100"/>
      <c r="R77" s="100"/>
      <c r="S77" s="100"/>
      <c r="T77" s="100"/>
      <c r="U77" s="100"/>
      <c r="V77" s="100"/>
      <c r="W77" s="100"/>
      <c r="X77" s="100"/>
      <c r="Y77" s="100"/>
      <c r="Z77" s="100"/>
      <c r="AA77" s="100"/>
      <c r="AB77" s="100"/>
      <c r="AC77" s="100"/>
      <c r="AD77" s="100"/>
      <c r="AE77" s="100"/>
      <c r="AF77" s="68"/>
      <c r="AG77" s="68"/>
    </row>
    <row r="78" spans="1:33" ht="15" customHeight="1">
      <c r="A78" s="68"/>
      <c r="B78" s="68"/>
      <c r="C78" s="209"/>
      <c r="D78" s="209"/>
      <c r="E78" s="209"/>
      <c r="F78" s="209"/>
      <c r="G78" s="209"/>
      <c r="H78" s="209"/>
      <c r="I78" s="209"/>
      <c r="J78" s="209"/>
      <c r="K78" s="209"/>
      <c r="L78" s="209"/>
      <c r="M78" s="209"/>
      <c r="N78" s="209"/>
      <c r="O78" s="209"/>
      <c r="P78" s="209"/>
      <c r="Q78" s="209"/>
      <c r="R78" s="209"/>
      <c r="S78" s="209"/>
      <c r="T78" s="209"/>
      <c r="U78" s="209"/>
      <c r="V78" s="209"/>
      <c r="W78" s="209"/>
      <c r="X78" s="209"/>
      <c r="Y78" s="209"/>
      <c r="Z78" s="209"/>
      <c r="AA78" s="209"/>
      <c r="AB78" s="209"/>
      <c r="AC78" s="209"/>
      <c r="AD78" s="209"/>
      <c r="AE78" s="330"/>
      <c r="AF78" s="68"/>
      <c r="AG78" s="68"/>
    </row>
    <row r="79" spans="1:33" ht="15" thickBot="1">
      <c r="A79" s="68"/>
      <c r="B79" s="68"/>
      <c r="C79" s="593" t="s">
        <v>253</v>
      </c>
      <c r="D79" s="593"/>
      <c r="E79" s="593"/>
      <c r="F79" s="593"/>
      <c r="G79" s="593"/>
      <c r="H79" s="593"/>
      <c r="I79" s="593"/>
      <c r="J79" s="593"/>
      <c r="K79" s="593"/>
      <c r="L79" s="593"/>
      <c r="M79" s="593"/>
      <c r="N79" s="593"/>
      <c r="O79" s="593"/>
      <c r="P79" s="593"/>
      <c r="Q79" s="593"/>
      <c r="R79" s="593"/>
      <c r="S79" s="593"/>
      <c r="T79" s="593"/>
      <c r="U79" s="593"/>
      <c r="V79" s="593"/>
      <c r="W79" s="593"/>
      <c r="X79" s="593"/>
      <c r="Y79" s="593"/>
      <c r="Z79" s="593"/>
      <c r="AA79" s="593"/>
      <c r="AB79" s="593"/>
      <c r="AC79" s="593"/>
      <c r="AD79" s="593"/>
      <c r="AE79" s="326"/>
      <c r="AF79" s="68"/>
      <c r="AG79" s="68"/>
    </row>
    <row r="80" spans="1:33" ht="32.65" customHeight="1">
      <c r="A80" s="68"/>
      <c r="B80" s="68"/>
      <c r="C80" s="949" t="s">
        <v>21</v>
      </c>
      <c r="D80" s="835"/>
      <c r="E80" s="835"/>
      <c r="F80" s="835"/>
      <c r="G80" s="835" t="s">
        <v>73</v>
      </c>
      <c r="H80" s="835"/>
      <c r="I80" s="835"/>
      <c r="J80" s="835"/>
      <c r="K80" s="835"/>
      <c r="L80" s="835"/>
      <c r="M80" s="835"/>
      <c r="N80" s="835"/>
      <c r="O80" s="835"/>
      <c r="P80" s="835"/>
      <c r="Q80" s="835"/>
      <c r="R80" s="835"/>
      <c r="S80" s="835"/>
      <c r="T80" s="835"/>
      <c r="U80" s="835"/>
      <c r="V80" s="835"/>
      <c r="W80" s="835"/>
      <c r="X80" s="835"/>
      <c r="Y80" s="835"/>
      <c r="Z80" s="835"/>
      <c r="AA80" s="835"/>
      <c r="AB80" s="835"/>
      <c r="AC80" s="835"/>
      <c r="AD80" s="835"/>
      <c r="AE80" s="836"/>
      <c r="AF80" s="68"/>
      <c r="AG80" s="68"/>
    </row>
    <row r="81" spans="1:50" ht="32.65" customHeight="1">
      <c r="A81" s="68"/>
      <c r="B81" s="68"/>
      <c r="C81" s="923"/>
      <c r="D81" s="924"/>
      <c r="E81" s="924"/>
      <c r="F81" s="924"/>
      <c r="G81" s="337">
        <v>1</v>
      </c>
      <c r="H81" s="837" t="s">
        <v>70</v>
      </c>
      <c r="I81" s="837"/>
      <c r="J81" s="837"/>
      <c r="K81" s="837"/>
      <c r="L81" s="837"/>
      <c r="M81" s="837"/>
      <c r="N81" s="837"/>
      <c r="O81" s="837"/>
      <c r="P81" s="837"/>
      <c r="Q81" s="837"/>
      <c r="R81" s="837"/>
      <c r="S81" s="837"/>
      <c r="T81" s="837"/>
      <c r="U81" s="837"/>
      <c r="V81" s="837"/>
      <c r="W81" s="837"/>
      <c r="X81" s="837"/>
      <c r="Y81" s="837"/>
      <c r="Z81" s="837"/>
      <c r="AA81" s="837"/>
      <c r="AB81" s="837"/>
      <c r="AC81" s="837"/>
      <c r="AD81" s="837"/>
      <c r="AE81" s="838"/>
      <c r="AF81" s="68"/>
      <c r="AG81" s="68"/>
    </row>
    <row r="82" spans="1:50" ht="32.65" customHeight="1" thickBot="1">
      <c r="A82" s="68"/>
      <c r="B82" s="68"/>
      <c r="C82" s="940"/>
      <c r="D82" s="941"/>
      <c r="E82" s="941"/>
      <c r="F82" s="941"/>
      <c r="G82" s="339">
        <v>2</v>
      </c>
      <c r="H82" s="839" t="s">
        <v>71</v>
      </c>
      <c r="I82" s="839"/>
      <c r="J82" s="839"/>
      <c r="K82" s="839"/>
      <c r="L82" s="839"/>
      <c r="M82" s="839"/>
      <c r="N82" s="839"/>
      <c r="O82" s="839"/>
      <c r="P82" s="839"/>
      <c r="Q82" s="839"/>
      <c r="R82" s="839"/>
      <c r="S82" s="839"/>
      <c r="T82" s="839"/>
      <c r="U82" s="839"/>
      <c r="V82" s="839"/>
      <c r="W82" s="839"/>
      <c r="X82" s="839"/>
      <c r="Y82" s="839"/>
      <c r="Z82" s="839"/>
      <c r="AA82" s="839"/>
      <c r="AB82" s="839"/>
      <c r="AC82" s="839"/>
      <c r="AD82" s="839"/>
      <c r="AE82" s="840"/>
      <c r="AF82" s="68"/>
      <c r="AG82" s="68"/>
    </row>
    <row r="83" spans="1:50" ht="15" customHeight="1">
      <c r="A83" s="68"/>
      <c r="B83" s="68"/>
      <c r="C83" s="68" t="s">
        <v>193</v>
      </c>
      <c r="D83" s="68"/>
      <c r="E83" s="68"/>
      <c r="F83" s="68"/>
      <c r="G83" s="68"/>
      <c r="H83" s="68"/>
      <c r="I83" s="68"/>
      <c r="J83" s="68"/>
      <c r="K83" s="68"/>
      <c r="L83" s="68"/>
      <c r="M83" s="68"/>
      <c r="N83" s="68"/>
      <c r="O83" s="68"/>
      <c r="P83" s="68"/>
      <c r="Q83" s="68"/>
      <c r="R83" s="68"/>
      <c r="S83" s="68"/>
      <c r="T83" s="68"/>
      <c r="U83" s="68"/>
      <c r="V83" s="68"/>
      <c r="W83" s="68"/>
      <c r="X83" s="68"/>
      <c r="Y83" s="68"/>
      <c r="Z83" s="68"/>
      <c r="AA83" s="68"/>
      <c r="AB83" s="68"/>
      <c r="AC83" s="68"/>
      <c r="AD83" s="68"/>
      <c r="AE83" s="68"/>
      <c r="AF83" s="68"/>
      <c r="AG83" s="68"/>
    </row>
    <row r="84" spans="1:50" ht="15" customHeight="1">
      <c r="A84" s="68"/>
      <c r="B84" s="68"/>
      <c r="C84" s="68"/>
      <c r="D84" s="68"/>
      <c r="E84" s="68"/>
      <c r="F84" s="68"/>
      <c r="G84" s="68"/>
      <c r="H84" s="68"/>
      <c r="I84" s="68"/>
      <c r="J84" s="68"/>
      <c r="K84" s="68"/>
      <c r="L84" s="68"/>
      <c r="M84" s="68"/>
      <c r="N84" s="68"/>
      <c r="O84" s="68"/>
      <c r="P84" s="68"/>
      <c r="Q84" s="68"/>
      <c r="R84" s="68"/>
      <c r="S84" s="68"/>
      <c r="T84" s="68"/>
      <c r="U84" s="68"/>
      <c r="V84" s="68"/>
      <c r="W84" s="68"/>
      <c r="X84" s="68"/>
      <c r="Y84" s="68"/>
      <c r="Z84" s="68"/>
      <c r="AA84" s="68"/>
      <c r="AB84" s="68"/>
      <c r="AC84" s="68"/>
      <c r="AD84" s="68"/>
      <c r="AE84" s="68"/>
      <c r="AF84" s="68"/>
      <c r="AG84" s="68"/>
    </row>
    <row r="85" spans="1:50" ht="18.600000000000001" customHeight="1" thickBot="1">
      <c r="A85" s="68"/>
      <c r="B85" s="68"/>
      <c r="C85" s="394" t="s">
        <v>339</v>
      </c>
      <c r="D85" s="394"/>
      <c r="E85" s="394"/>
      <c r="F85" s="394"/>
      <c r="G85" s="394"/>
      <c r="H85" s="394"/>
      <c r="I85" s="394"/>
      <c r="J85" s="394"/>
      <c r="K85" s="394"/>
      <c r="L85" s="394"/>
      <c r="M85" s="394"/>
      <c r="N85" s="394"/>
      <c r="O85" s="394"/>
      <c r="P85" s="394"/>
      <c r="Q85" s="394"/>
      <c r="R85" s="394"/>
      <c r="S85" s="394"/>
      <c r="T85" s="394"/>
      <c r="U85" s="394"/>
      <c r="V85" s="394"/>
      <c r="W85" s="394"/>
      <c r="X85" s="394"/>
      <c r="Y85" s="394"/>
      <c r="Z85" s="394"/>
      <c r="AA85" s="394"/>
      <c r="AB85" s="394"/>
      <c r="AC85" s="394"/>
      <c r="AD85" s="394"/>
      <c r="AE85" s="394"/>
      <c r="AF85" s="68"/>
      <c r="AG85" s="68"/>
    </row>
    <row r="86" spans="1:50" ht="52.5" customHeight="1">
      <c r="A86" s="68"/>
      <c r="B86" s="68"/>
      <c r="C86" s="881"/>
      <c r="D86" s="882"/>
      <c r="E86" s="882"/>
      <c r="F86" s="882"/>
      <c r="G86" s="882"/>
      <c r="H86" s="882"/>
      <c r="I86" s="882"/>
      <c r="J86" s="882"/>
      <c r="K86" s="882"/>
      <c r="L86" s="882"/>
      <c r="M86" s="882"/>
      <c r="N86" s="882"/>
      <c r="O86" s="882"/>
      <c r="P86" s="882"/>
      <c r="Q86" s="882"/>
      <c r="R86" s="882"/>
      <c r="S86" s="882"/>
      <c r="T86" s="882"/>
      <c r="U86" s="882"/>
      <c r="V86" s="882"/>
      <c r="W86" s="882"/>
      <c r="X86" s="882"/>
      <c r="Y86" s="882"/>
      <c r="Z86" s="882"/>
      <c r="AA86" s="882"/>
      <c r="AB86" s="882"/>
      <c r="AC86" s="882"/>
      <c r="AD86" s="882"/>
      <c r="AE86" s="883"/>
      <c r="AF86" s="68"/>
      <c r="AG86" s="68"/>
      <c r="AH86" s="829" t="s">
        <v>342</v>
      </c>
      <c r="AI86" s="830"/>
      <c r="AJ86" s="830"/>
      <c r="AK86" s="830"/>
      <c r="AL86" s="830"/>
      <c r="AM86" s="830"/>
      <c r="AN86" s="830"/>
      <c r="AO86" s="830"/>
      <c r="AP86" s="830"/>
      <c r="AQ86" s="830"/>
      <c r="AR86" s="830"/>
      <c r="AS86" s="830"/>
      <c r="AT86" s="830"/>
      <c r="AU86" s="830"/>
      <c r="AV86" s="830"/>
      <c r="AW86" s="830"/>
      <c r="AX86" s="831"/>
    </row>
    <row r="87" spans="1:50" ht="63" customHeight="1" thickBot="1">
      <c r="A87" s="68"/>
      <c r="B87" s="68"/>
      <c r="C87" s="884"/>
      <c r="D87" s="885"/>
      <c r="E87" s="885"/>
      <c r="F87" s="885"/>
      <c r="G87" s="885"/>
      <c r="H87" s="885"/>
      <c r="I87" s="885"/>
      <c r="J87" s="885"/>
      <c r="K87" s="885"/>
      <c r="L87" s="885"/>
      <c r="M87" s="885"/>
      <c r="N87" s="885"/>
      <c r="O87" s="885"/>
      <c r="P87" s="885"/>
      <c r="Q87" s="885"/>
      <c r="R87" s="885"/>
      <c r="S87" s="885"/>
      <c r="T87" s="885"/>
      <c r="U87" s="885"/>
      <c r="V87" s="885"/>
      <c r="W87" s="885"/>
      <c r="X87" s="885"/>
      <c r="Y87" s="885"/>
      <c r="Z87" s="885"/>
      <c r="AA87" s="885"/>
      <c r="AB87" s="885"/>
      <c r="AC87" s="885"/>
      <c r="AD87" s="885"/>
      <c r="AE87" s="886"/>
      <c r="AF87" s="68"/>
      <c r="AG87" s="68"/>
      <c r="AH87" s="832"/>
      <c r="AI87" s="833"/>
      <c r="AJ87" s="833"/>
      <c r="AK87" s="833"/>
      <c r="AL87" s="833"/>
      <c r="AM87" s="833"/>
      <c r="AN87" s="833"/>
      <c r="AO87" s="833"/>
      <c r="AP87" s="833"/>
      <c r="AQ87" s="833"/>
      <c r="AR87" s="833"/>
      <c r="AS87" s="833"/>
      <c r="AT87" s="833"/>
      <c r="AU87" s="833"/>
      <c r="AV87" s="833"/>
      <c r="AW87" s="833"/>
      <c r="AX87" s="834"/>
    </row>
    <row r="88" spans="1:50" ht="12" customHeight="1">
      <c r="A88" s="68"/>
      <c r="B88" s="68"/>
      <c r="C88" s="429"/>
      <c r="D88" s="429"/>
      <c r="E88" s="429"/>
      <c r="F88" s="429"/>
      <c r="G88" s="429"/>
      <c r="H88" s="429"/>
      <c r="I88" s="429"/>
      <c r="J88" s="429"/>
      <c r="K88" s="429"/>
      <c r="L88" s="429"/>
      <c r="M88" s="429"/>
      <c r="N88" s="429"/>
      <c r="O88" s="429"/>
      <c r="P88" s="429"/>
      <c r="Q88" s="429"/>
      <c r="R88" s="429"/>
      <c r="S88" s="429"/>
      <c r="T88" s="429"/>
      <c r="U88" s="429"/>
      <c r="V88" s="429"/>
      <c r="W88" s="429"/>
      <c r="X88" s="429"/>
      <c r="Y88" s="429"/>
      <c r="Z88" s="429"/>
      <c r="AA88" s="429"/>
      <c r="AB88" s="429"/>
      <c r="AC88" s="429"/>
      <c r="AD88" s="429"/>
      <c r="AE88" s="429"/>
      <c r="AF88" s="68"/>
      <c r="AG88" s="68"/>
    </row>
    <row r="89" spans="1:50" ht="34.15" customHeight="1" thickBot="1">
      <c r="A89" s="68"/>
      <c r="B89" s="68"/>
      <c r="C89" s="593" t="s">
        <v>424</v>
      </c>
      <c r="D89" s="593"/>
      <c r="E89" s="593"/>
      <c r="F89" s="593"/>
      <c r="G89" s="593"/>
      <c r="H89" s="593"/>
      <c r="I89" s="593"/>
      <c r="J89" s="593"/>
      <c r="K89" s="593"/>
      <c r="L89" s="593"/>
      <c r="M89" s="593"/>
      <c r="N89" s="593"/>
      <c r="O89" s="593"/>
      <c r="P89" s="593"/>
      <c r="Q89" s="593"/>
      <c r="R89" s="593"/>
      <c r="S89" s="593"/>
      <c r="T89" s="593"/>
      <c r="U89" s="593"/>
      <c r="V89" s="593"/>
      <c r="W89" s="593"/>
      <c r="X89" s="593"/>
      <c r="Y89" s="593"/>
      <c r="Z89" s="593"/>
      <c r="AA89" s="593"/>
      <c r="AB89" s="593"/>
      <c r="AC89" s="593"/>
      <c r="AD89" s="593"/>
      <c r="AE89" s="428"/>
      <c r="AF89" s="68"/>
      <c r="AG89" s="68"/>
    </row>
    <row r="90" spans="1:50" ht="32.65" customHeight="1">
      <c r="A90" s="68"/>
      <c r="B90" s="68"/>
      <c r="C90" s="949" t="s">
        <v>21</v>
      </c>
      <c r="D90" s="835"/>
      <c r="E90" s="835"/>
      <c r="F90" s="835"/>
      <c r="G90" s="835" t="s">
        <v>73</v>
      </c>
      <c r="H90" s="835"/>
      <c r="I90" s="835"/>
      <c r="J90" s="835"/>
      <c r="K90" s="835"/>
      <c r="L90" s="835"/>
      <c r="M90" s="835"/>
      <c r="N90" s="835"/>
      <c r="O90" s="835"/>
      <c r="P90" s="835"/>
      <c r="Q90" s="835"/>
      <c r="R90" s="835"/>
      <c r="S90" s="835"/>
      <c r="T90" s="835"/>
      <c r="U90" s="835"/>
      <c r="V90" s="835"/>
      <c r="W90" s="835"/>
      <c r="X90" s="835"/>
      <c r="Y90" s="835"/>
      <c r="Z90" s="835"/>
      <c r="AA90" s="835"/>
      <c r="AB90" s="835"/>
      <c r="AC90" s="835"/>
      <c r="AD90" s="835"/>
      <c r="AE90" s="836"/>
      <c r="AF90" s="68"/>
      <c r="AG90" s="68"/>
    </row>
    <row r="91" spans="1:50" ht="32.65" customHeight="1">
      <c r="A91" s="68"/>
      <c r="B91" s="68"/>
      <c r="C91" s="923"/>
      <c r="D91" s="924"/>
      <c r="E91" s="924"/>
      <c r="F91" s="924"/>
      <c r="G91" s="430">
        <v>1</v>
      </c>
      <c r="H91" s="837" t="s">
        <v>70</v>
      </c>
      <c r="I91" s="837"/>
      <c r="J91" s="837"/>
      <c r="K91" s="837"/>
      <c r="L91" s="837"/>
      <c r="M91" s="837"/>
      <c r="N91" s="837"/>
      <c r="O91" s="837"/>
      <c r="P91" s="837"/>
      <c r="Q91" s="837"/>
      <c r="R91" s="837"/>
      <c r="S91" s="837"/>
      <c r="T91" s="837"/>
      <c r="U91" s="837"/>
      <c r="V91" s="837"/>
      <c r="W91" s="837"/>
      <c r="X91" s="837"/>
      <c r="Y91" s="837"/>
      <c r="Z91" s="837"/>
      <c r="AA91" s="837"/>
      <c r="AB91" s="837"/>
      <c r="AC91" s="837"/>
      <c r="AD91" s="837"/>
      <c r="AE91" s="838"/>
      <c r="AF91" s="68"/>
      <c r="AG91" s="68"/>
    </row>
    <row r="92" spans="1:50" ht="32.65" customHeight="1" thickBot="1">
      <c r="A92" s="68"/>
      <c r="B92" s="68"/>
      <c r="C92" s="940"/>
      <c r="D92" s="941"/>
      <c r="E92" s="941"/>
      <c r="F92" s="941"/>
      <c r="G92" s="431">
        <v>2</v>
      </c>
      <c r="H92" s="839" t="s">
        <v>71</v>
      </c>
      <c r="I92" s="839"/>
      <c r="J92" s="839"/>
      <c r="K92" s="839"/>
      <c r="L92" s="839"/>
      <c r="M92" s="839"/>
      <c r="N92" s="839"/>
      <c r="O92" s="839"/>
      <c r="P92" s="839"/>
      <c r="Q92" s="839"/>
      <c r="R92" s="839"/>
      <c r="S92" s="839"/>
      <c r="T92" s="839"/>
      <c r="U92" s="839"/>
      <c r="V92" s="839"/>
      <c r="W92" s="839"/>
      <c r="X92" s="839"/>
      <c r="Y92" s="839"/>
      <c r="Z92" s="839"/>
      <c r="AA92" s="839"/>
      <c r="AB92" s="839"/>
      <c r="AC92" s="839"/>
      <c r="AD92" s="839"/>
      <c r="AE92" s="840"/>
      <c r="AF92" s="68"/>
      <c r="AG92" s="68"/>
    </row>
    <row r="93" spans="1:50" ht="15" customHeight="1">
      <c r="A93" s="68"/>
      <c r="B93" s="68"/>
      <c r="C93" s="68" t="s">
        <v>193</v>
      </c>
      <c r="D93" s="68"/>
      <c r="E93" s="68"/>
      <c r="F93" s="68"/>
      <c r="G93" s="68"/>
      <c r="H93" s="68"/>
      <c r="I93" s="68"/>
      <c r="J93" s="68"/>
      <c r="K93" s="68"/>
      <c r="L93" s="68"/>
      <c r="M93" s="68"/>
      <c r="N93" s="68"/>
      <c r="O93" s="68"/>
      <c r="P93" s="68"/>
      <c r="Q93" s="68"/>
      <c r="R93" s="68"/>
      <c r="S93" s="68"/>
      <c r="T93" s="68"/>
      <c r="U93" s="68"/>
      <c r="V93" s="68"/>
      <c r="W93" s="68"/>
      <c r="X93" s="68"/>
      <c r="Y93" s="68"/>
      <c r="Z93" s="68"/>
      <c r="AA93" s="68"/>
      <c r="AB93" s="68"/>
      <c r="AC93" s="68"/>
      <c r="AD93" s="68"/>
      <c r="AE93" s="68"/>
      <c r="AF93" s="68"/>
      <c r="AG93" s="68"/>
    </row>
    <row r="94" spans="1:50" ht="12" customHeight="1">
      <c r="A94" s="68"/>
      <c r="B94" s="68"/>
      <c r="C94" s="433"/>
      <c r="D94" s="433"/>
      <c r="E94" s="433"/>
      <c r="F94" s="433"/>
      <c r="G94" s="433"/>
      <c r="H94" s="433"/>
      <c r="I94" s="433"/>
      <c r="J94" s="433"/>
      <c r="K94" s="433"/>
      <c r="L94" s="433"/>
      <c r="M94" s="433"/>
      <c r="N94" s="433"/>
      <c r="O94" s="433"/>
      <c r="P94" s="433"/>
      <c r="Q94" s="433"/>
      <c r="R94" s="433"/>
      <c r="S94" s="433"/>
      <c r="T94" s="433"/>
      <c r="U94" s="433"/>
      <c r="V94" s="433"/>
      <c r="W94" s="433"/>
      <c r="X94" s="433"/>
      <c r="Y94" s="433"/>
      <c r="Z94" s="433"/>
      <c r="AA94" s="433"/>
      <c r="AB94" s="433"/>
      <c r="AC94" s="433"/>
      <c r="AD94" s="433"/>
      <c r="AE94" s="433"/>
      <c r="AF94" s="68"/>
      <c r="AG94" s="68"/>
    </row>
    <row r="95" spans="1:50" ht="34.5" customHeight="1">
      <c r="A95" s="68"/>
      <c r="B95" s="68"/>
      <c r="C95" s="677" t="s">
        <v>340</v>
      </c>
      <c r="D95" s="677"/>
      <c r="E95" s="677"/>
      <c r="F95" s="677"/>
      <c r="G95" s="677"/>
      <c r="H95" s="677"/>
      <c r="I95" s="677"/>
      <c r="J95" s="677"/>
      <c r="K95" s="677"/>
      <c r="L95" s="677"/>
      <c r="M95" s="677"/>
      <c r="N95" s="677"/>
      <c r="O95" s="677"/>
      <c r="P95" s="677"/>
      <c r="Q95" s="677"/>
      <c r="R95" s="677"/>
      <c r="S95" s="677"/>
      <c r="T95" s="677"/>
      <c r="U95" s="677"/>
      <c r="V95" s="677"/>
      <c r="W95" s="677"/>
      <c r="X95" s="677"/>
      <c r="Y95" s="677"/>
      <c r="Z95" s="677"/>
      <c r="AA95" s="677"/>
      <c r="AB95" s="677"/>
      <c r="AC95" s="677"/>
      <c r="AD95" s="677"/>
      <c r="AE95" s="677"/>
      <c r="AF95" s="68"/>
      <c r="AG95" s="68"/>
    </row>
    <row r="96" spans="1:50" ht="15" customHeight="1">
      <c r="A96" s="68"/>
      <c r="B96" s="68"/>
      <c r="C96" s="177"/>
      <c r="D96" s="68"/>
      <c r="E96" s="68"/>
      <c r="F96" s="68"/>
      <c r="G96" s="68"/>
      <c r="H96" s="101"/>
      <c r="I96" s="101"/>
      <c r="J96" s="101"/>
      <c r="K96" s="101"/>
      <c r="L96" s="101"/>
      <c r="M96" s="101"/>
      <c r="N96" s="101"/>
      <c r="O96" s="101"/>
      <c r="P96" s="101"/>
      <c r="Q96" s="101"/>
      <c r="R96" s="101"/>
      <c r="S96" s="101"/>
      <c r="T96" s="101"/>
      <c r="U96" s="101"/>
      <c r="V96" s="101"/>
      <c r="W96" s="101"/>
      <c r="X96" s="101"/>
      <c r="Y96" s="101"/>
      <c r="Z96" s="101"/>
      <c r="AA96" s="101"/>
      <c r="AB96" s="101"/>
      <c r="AC96" s="101"/>
      <c r="AD96" s="101"/>
      <c r="AE96" s="101"/>
      <c r="AF96" s="68"/>
      <c r="AG96" s="68"/>
    </row>
    <row r="97" spans="1:33" ht="46.9" customHeight="1" thickBot="1">
      <c r="A97" s="68"/>
      <c r="B97" s="68"/>
      <c r="C97" s="570" t="s">
        <v>425</v>
      </c>
      <c r="D97" s="570"/>
      <c r="E97" s="570"/>
      <c r="F97" s="570"/>
      <c r="G97" s="570"/>
      <c r="H97" s="570"/>
      <c r="I97" s="570"/>
      <c r="J97" s="570"/>
      <c r="K97" s="570"/>
      <c r="L97" s="570"/>
      <c r="M97" s="570"/>
      <c r="N97" s="570"/>
      <c r="O97" s="570"/>
      <c r="P97" s="570"/>
      <c r="Q97" s="570"/>
      <c r="R97" s="570"/>
      <c r="S97" s="570"/>
      <c r="T97" s="570"/>
      <c r="U97" s="570"/>
      <c r="V97" s="570"/>
      <c r="W97" s="570"/>
      <c r="X97" s="570"/>
      <c r="Y97" s="570"/>
      <c r="Z97" s="570"/>
      <c r="AA97" s="570"/>
      <c r="AB97" s="570"/>
      <c r="AC97" s="570"/>
      <c r="AD97" s="570"/>
      <c r="AE97" s="570"/>
      <c r="AF97" s="68"/>
      <c r="AG97" s="68"/>
    </row>
    <row r="98" spans="1:33" ht="32.65" customHeight="1">
      <c r="A98" s="68"/>
      <c r="B98" s="68"/>
      <c r="C98" s="561" t="s">
        <v>258</v>
      </c>
      <c r="D98" s="563"/>
      <c r="E98" s="563"/>
      <c r="F98" s="563"/>
      <c r="G98" s="563"/>
      <c r="H98" s="563"/>
      <c r="I98" s="563"/>
      <c r="J98" s="563"/>
      <c r="K98" s="562"/>
      <c r="L98" s="815" t="s">
        <v>344</v>
      </c>
      <c r="M98" s="563"/>
      <c r="N98" s="563"/>
      <c r="O98" s="563"/>
      <c r="P98" s="563"/>
      <c r="Q98" s="563"/>
      <c r="R98" s="563"/>
      <c r="S98" s="563"/>
      <c r="T98" s="562"/>
      <c r="U98" s="815" t="s">
        <v>408</v>
      </c>
      <c r="V98" s="563"/>
      <c r="W98" s="563"/>
      <c r="X98" s="562"/>
      <c r="Y98" s="889" t="s">
        <v>236</v>
      </c>
      <c r="Z98" s="809"/>
      <c r="AA98" s="809"/>
      <c r="AB98" s="809"/>
      <c r="AC98" s="901"/>
      <c r="AD98" s="902" t="s">
        <v>332</v>
      </c>
      <c r="AE98" s="903"/>
      <c r="AF98" s="68"/>
      <c r="AG98" s="68"/>
    </row>
    <row r="99" spans="1:33" ht="32.65" customHeight="1">
      <c r="A99" s="68"/>
      <c r="B99" s="68"/>
      <c r="C99" s="568"/>
      <c r="D99" s="825"/>
      <c r="E99" s="825"/>
      <c r="F99" s="825"/>
      <c r="G99" s="825"/>
      <c r="H99" s="825"/>
      <c r="I99" s="825"/>
      <c r="J99" s="825"/>
      <c r="K99" s="569"/>
      <c r="L99" s="603"/>
      <c r="M99" s="825"/>
      <c r="N99" s="825"/>
      <c r="O99" s="825"/>
      <c r="P99" s="825"/>
      <c r="Q99" s="825"/>
      <c r="R99" s="825"/>
      <c r="S99" s="825"/>
      <c r="T99" s="569"/>
      <c r="U99" s="816"/>
      <c r="V99" s="817"/>
      <c r="W99" s="817"/>
      <c r="X99" s="818"/>
      <c r="Y99" s="623"/>
      <c r="Z99" s="624"/>
      <c r="AA99" s="624"/>
      <c r="AB99" s="624"/>
      <c r="AC99" s="625"/>
      <c r="AD99" s="781"/>
      <c r="AE99" s="890"/>
      <c r="AF99" s="68"/>
      <c r="AG99" s="68"/>
    </row>
    <row r="100" spans="1:33" ht="32.65" customHeight="1">
      <c r="A100" s="68"/>
      <c r="B100" s="68"/>
      <c r="C100" s="568"/>
      <c r="D100" s="825"/>
      <c r="E100" s="825"/>
      <c r="F100" s="825"/>
      <c r="G100" s="825"/>
      <c r="H100" s="825"/>
      <c r="I100" s="825"/>
      <c r="J100" s="825"/>
      <c r="K100" s="569"/>
      <c r="L100" s="603"/>
      <c r="M100" s="825"/>
      <c r="N100" s="825"/>
      <c r="O100" s="825"/>
      <c r="P100" s="825"/>
      <c r="Q100" s="825"/>
      <c r="R100" s="825"/>
      <c r="S100" s="825"/>
      <c r="T100" s="569"/>
      <c r="U100" s="816"/>
      <c r="V100" s="817"/>
      <c r="W100" s="817"/>
      <c r="X100" s="818"/>
      <c r="Y100" s="623"/>
      <c r="Z100" s="624"/>
      <c r="AA100" s="624"/>
      <c r="AB100" s="624"/>
      <c r="AC100" s="625"/>
      <c r="AD100" s="781"/>
      <c r="AE100" s="890"/>
      <c r="AF100" s="68"/>
      <c r="AG100" s="68"/>
    </row>
    <row r="101" spans="1:33" ht="32.65" customHeight="1">
      <c r="A101" s="68"/>
      <c r="B101" s="68"/>
      <c r="C101" s="568"/>
      <c r="D101" s="825"/>
      <c r="E101" s="825"/>
      <c r="F101" s="825"/>
      <c r="G101" s="825"/>
      <c r="H101" s="825"/>
      <c r="I101" s="825"/>
      <c r="J101" s="825"/>
      <c r="K101" s="569"/>
      <c r="L101" s="603"/>
      <c r="M101" s="825"/>
      <c r="N101" s="825"/>
      <c r="O101" s="825"/>
      <c r="P101" s="825"/>
      <c r="Q101" s="825"/>
      <c r="R101" s="825"/>
      <c r="S101" s="825"/>
      <c r="T101" s="569"/>
      <c r="U101" s="816"/>
      <c r="V101" s="817"/>
      <c r="W101" s="817"/>
      <c r="X101" s="818"/>
      <c r="Y101" s="623"/>
      <c r="Z101" s="624"/>
      <c r="AA101" s="624"/>
      <c r="AB101" s="624"/>
      <c r="AC101" s="625"/>
      <c r="AD101" s="781"/>
      <c r="AE101" s="890"/>
      <c r="AF101" s="68"/>
      <c r="AG101" s="68"/>
    </row>
    <row r="102" spans="1:33" ht="32.65" customHeight="1">
      <c r="A102" s="68"/>
      <c r="B102" s="68"/>
      <c r="C102" s="568"/>
      <c r="D102" s="825"/>
      <c r="E102" s="825"/>
      <c r="F102" s="825"/>
      <c r="G102" s="825"/>
      <c r="H102" s="825"/>
      <c r="I102" s="825"/>
      <c r="J102" s="825"/>
      <c r="K102" s="569"/>
      <c r="L102" s="603"/>
      <c r="M102" s="825"/>
      <c r="N102" s="825"/>
      <c r="O102" s="825"/>
      <c r="P102" s="825"/>
      <c r="Q102" s="825"/>
      <c r="R102" s="825"/>
      <c r="S102" s="825"/>
      <c r="T102" s="569"/>
      <c r="U102" s="816"/>
      <c r="V102" s="817"/>
      <c r="W102" s="817"/>
      <c r="X102" s="818"/>
      <c r="Y102" s="623"/>
      <c r="Z102" s="624"/>
      <c r="AA102" s="624"/>
      <c r="AB102" s="624"/>
      <c r="AC102" s="625"/>
      <c r="AD102" s="781"/>
      <c r="AE102" s="890"/>
      <c r="AF102" s="68"/>
      <c r="AG102" s="68"/>
    </row>
    <row r="103" spans="1:33" ht="32.65" customHeight="1" thickBot="1">
      <c r="A103" s="68"/>
      <c r="B103" s="68"/>
      <c r="C103" s="564"/>
      <c r="D103" s="826"/>
      <c r="E103" s="826"/>
      <c r="F103" s="826"/>
      <c r="G103" s="826"/>
      <c r="H103" s="826"/>
      <c r="I103" s="826"/>
      <c r="J103" s="826"/>
      <c r="K103" s="565"/>
      <c r="L103" s="604"/>
      <c r="M103" s="826"/>
      <c r="N103" s="826"/>
      <c r="O103" s="826"/>
      <c r="P103" s="826"/>
      <c r="Q103" s="826"/>
      <c r="R103" s="826"/>
      <c r="S103" s="826"/>
      <c r="T103" s="565"/>
      <c r="U103" s="819"/>
      <c r="V103" s="820"/>
      <c r="W103" s="820"/>
      <c r="X103" s="821"/>
      <c r="Y103" s="626"/>
      <c r="Z103" s="627"/>
      <c r="AA103" s="627"/>
      <c r="AB103" s="627"/>
      <c r="AC103" s="628"/>
      <c r="AD103" s="784"/>
      <c r="AE103" s="904"/>
      <c r="AF103" s="68"/>
      <c r="AG103" s="68"/>
    </row>
    <row r="104" spans="1:33" ht="32.65" hidden="1" customHeight="1" outlineLevel="1">
      <c r="A104" s="68"/>
      <c r="B104" s="68"/>
      <c r="C104" s="828"/>
      <c r="D104" s="827"/>
      <c r="E104" s="827"/>
      <c r="F104" s="827"/>
      <c r="G104" s="827"/>
      <c r="H104" s="827"/>
      <c r="I104" s="827"/>
      <c r="J104" s="827"/>
      <c r="K104" s="606"/>
      <c r="L104" s="605"/>
      <c r="M104" s="827"/>
      <c r="N104" s="827"/>
      <c r="O104" s="827"/>
      <c r="P104" s="827"/>
      <c r="Q104" s="827"/>
      <c r="R104" s="827"/>
      <c r="S104" s="827"/>
      <c r="T104" s="606"/>
      <c r="U104" s="822"/>
      <c r="V104" s="823"/>
      <c r="W104" s="823"/>
      <c r="X104" s="824"/>
      <c r="Y104" s="659"/>
      <c r="Z104" s="660"/>
      <c r="AA104" s="660"/>
      <c r="AB104" s="660"/>
      <c r="AC104" s="661"/>
      <c r="AD104" s="812"/>
      <c r="AE104" s="905"/>
      <c r="AF104" s="68"/>
      <c r="AG104" s="68"/>
    </row>
    <row r="105" spans="1:33" ht="32.65" hidden="1" customHeight="1" outlineLevel="1">
      <c r="A105" s="68"/>
      <c r="B105" s="68"/>
      <c r="C105" s="568"/>
      <c r="D105" s="825"/>
      <c r="E105" s="825"/>
      <c r="F105" s="825"/>
      <c r="G105" s="825"/>
      <c r="H105" s="825"/>
      <c r="I105" s="825"/>
      <c r="J105" s="825"/>
      <c r="K105" s="569"/>
      <c r="L105" s="603"/>
      <c r="M105" s="825"/>
      <c r="N105" s="825"/>
      <c r="O105" s="825"/>
      <c r="P105" s="825"/>
      <c r="Q105" s="825"/>
      <c r="R105" s="825"/>
      <c r="S105" s="825"/>
      <c r="T105" s="569"/>
      <c r="U105" s="816"/>
      <c r="V105" s="817"/>
      <c r="W105" s="817"/>
      <c r="X105" s="818"/>
      <c r="Y105" s="623"/>
      <c r="Z105" s="624"/>
      <c r="AA105" s="624"/>
      <c r="AB105" s="624"/>
      <c r="AC105" s="625"/>
      <c r="AD105" s="781"/>
      <c r="AE105" s="890"/>
      <c r="AF105" s="68"/>
      <c r="AG105" s="68"/>
    </row>
    <row r="106" spans="1:33" ht="32.65" hidden="1" customHeight="1" outlineLevel="1">
      <c r="A106" s="68"/>
      <c r="B106" s="68"/>
      <c r="C106" s="568"/>
      <c r="D106" s="825"/>
      <c r="E106" s="825"/>
      <c r="F106" s="825"/>
      <c r="G106" s="825"/>
      <c r="H106" s="825"/>
      <c r="I106" s="825"/>
      <c r="J106" s="825"/>
      <c r="K106" s="569"/>
      <c r="L106" s="603"/>
      <c r="M106" s="825"/>
      <c r="N106" s="825"/>
      <c r="O106" s="825"/>
      <c r="P106" s="825"/>
      <c r="Q106" s="825"/>
      <c r="R106" s="825"/>
      <c r="S106" s="825"/>
      <c r="T106" s="569"/>
      <c r="U106" s="816"/>
      <c r="V106" s="817"/>
      <c r="W106" s="817"/>
      <c r="X106" s="818"/>
      <c r="Y106" s="623"/>
      <c r="Z106" s="624"/>
      <c r="AA106" s="624"/>
      <c r="AB106" s="624"/>
      <c r="AC106" s="625"/>
      <c r="AD106" s="781"/>
      <c r="AE106" s="890"/>
      <c r="AF106" s="68"/>
      <c r="AG106" s="68"/>
    </row>
    <row r="107" spans="1:33" ht="32.65" hidden="1" customHeight="1" outlineLevel="1">
      <c r="A107" s="68"/>
      <c r="B107" s="68"/>
      <c r="C107" s="568"/>
      <c r="D107" s="825"/>
      <c r="E107" s="825"/>
      <c r="F107" s="825"/>
      <c r="G107" s="825"/>
      <c r="H107" s="825"/>
      <c r="I107" s="825"/>
      <c r="J107" s="825"/>
      <c r="K107" s="569"/>
      <c r="L107" s="603"/>
      <c r="M107" s="825"/>
      <c r="N107" s="825"/>
      <c r="O107" s="825"/>
      <c r="P107" s="825"/>
      <c r="Q107" s="825"/>
      <c r="R107" s="825"/>
      <c r="S107" s="825"/>
      <c r="T107" s="569"/>
      <c r="U107" s="816"/>
      <c r="V107" s="817"/>
      <c r="W107" s="817"/>
      <c r="X107" s="818"/>
      <c r="Y107" s="623"/>
      <c r="Z107" s="624"/>
      <c r="AA107" s="624"/>
      <c r="AB107" s="624"/>
      <c r="AC107" s="625"/>
      <c r="AD107" s="781"/>
      <c r="AE107" s="890"/>
      <c r="AF107" s="68"/>
      <c r="AG107" s="68"/>
    </row>
    <row r="108" spans="1:33" ht="32.65" hidden="1" customHeight="1" outlineLevel="1" thickBot="1">
      <c r="A108" s="68"/>
      <c r="B108" s="68"/>
      <c r="C108" s="564"/>
      <c r="D108" s="826"/>
      <c r="E108" s="826"/>
      <c r="F108" s="826"/>
      <c r="G108" s="826"/>
      <c r="H108" s="826"/>
      <c r="I108" s="826"/>
      <c r="J108" s="826"/>
      <c r="K108" s="565"/>
      <c r="L108" s="604"/>
      <c r="M108" s="826"/>
      <c r="N108" s="826"/>
      <c r="O108" s="826"/>
      <c r="P108" s="826"/>
      <c r="Q108" s="826"/>
      <c r="R108" s="826"/>
      <c r="S108" s="826"/>
      <c r="T108" s="565"/>
      <c r="U108" s="819"/>
      <c r="V108" s="820"/>
      <c r="W108" s="820"/>
      <c r="X108" s="821"/>
      <c r="Y108" s="626"/>
      <c r="Z108" s="627"/>
      <c r="AA108" s="627"/>
      <c r="AB108" s="627"/>
      <c r="AC108" s="628"/>
      <c r="AD108" s="784"/>
      <c r="AE108" s="904"/>
      <c r="AF108" s="68"/>
      <c r="AG108" s="68"/>
    </row>
    <row r="109" spans="1:33" ht="15" customHeight="1" collapsed="1">
      <c r="A109" s="68"/>
      <c r="B109" s="68"/>
      <c r="C109" s="211"/>
      <c r="D109" s="211"/>
      <c r="E109" s="211"/>
      <c r="F109" s="211"/>
      <c r="G109" s="211"/>
      <c r="H109" s="211"/>
      <c r="I109" s="211"/>
      <c r="J109" s="211"/>
      <c r="K109" s="211"/>
      <c r="L109" s="211"/>
      <c r="M109" s="211"/>
      <c r="N109" s="211"/>
      <c r="O109" s="211"/>
      <c r="P109" s="211"/>
      <c r="Q109" s="211"/>
      <c r="R109" s="211"/>
      <c r="S109" s="211"/>
      <c r="T109" s="211"/>
      <c r="U109" s="211"/>
      <c r="V109" s="211"/>
      <c r="W109" s="211"/>
      <c r="X109" s="211"/>
      <c r="Y109" s="211"/>
      <c r="Z109" s="211"/>
      <c r="AA109" s="211"/>
      <c r="AB109" s="211"/>
      <c r="AC109" s="211"/>
      <c r="AD109" s="211"/>
      <c r="AE109" s="329"/>
      <c r="AF109" s="68"/>
      <c r="AG109" s="68"/>
    </row>
    <row r="110" spans="1:33" ht="24" customHeight="1">
      <c r="A110" s="119"/>
      <c r="B110" s="120" t="s">
        <v>67</v>
      </c>
      <c r="C110" s="110"/>
      <c r="D110" s="119"/>
      <c r="E110" s="119"/>
      <c r="F110" s="119"/>
      <c r="G110" s="119"/>
      <c r="H110" s="119"/>
      <c r="I110" s="119"/>
      <c r="J110" s="119"/>
      <c r="K110" s="119"/>
      <c r="L110" s="119"/>
      <c r="M110" s="119"/>
      <c r="N110" s="119"/>
      <c r="O110" s="119"/>
      <c r="P110" s="119"/>
      <c r="Q110" s="119"/>
      <c r="R110" s="119"/>
      <c r="S110" s="119"/>
      <c r="T110" s="119"/>
      <c r="U110" s="119"/>
      <c r="V110" s="119"/>
      <c r="W110" s="119"/>
      <c r="X110" s="119"/>
      <c r="Y110" s="119"/>
      <c r="Z110" s="119"/>
      <c r="AA110" s="119"/>
      <c r="AB110" s="119"/>
      <c r="AC110" s="119"/>
      <c r="AD110" s="119"/>
      <c r="AE110" s="119"/>
      <c r="AF110" s="119"/>
      <c r="AG110" s="68"/>
    </row>
    <row r="111" spans="1:33" ht="42.75" customHeight="1" thickBot="1">
      <c r="A111" s="68"/>
      <c r="B111" s="68"/>
      <c r="C111" s="551" t="s">
        <v>233</v>
      </c>
      <c r="D111" s="551"/>
      <c r="E111" s="551"/>
      <c r="F111" s="551"/>
      <c r="G111" s="551"/>
      <c r="H111" s="551"/>
      <c r="I111" s="551"/>
      <c r="J111" s="551"/>
      <c r="K111" s="551"/>
      <c r="L111" s="551"/>
      <c r="M111" s="551"/>
      <c r="N111" s="551"/>
      <c r="O111" s="551"/>
      <c r="P111" s="551"/>
      <c r="Q111" s="551"/>
      <c r="R111" s="551"/>
      <c r="S111" s="551"/>
      <c r="T111" s="551"/>
      <c r="U111" s="551"/>
      <c r="V111" s="551"/>
      <c r="W111" s="551"/>
      <c r="X111" s="551"/>
      <c r="Y111" s="551"/>
      <c r="Z111" s="551"/>
      <c r="AA111" s="551"/>
      <c r="AB111" s="551"/>
      <c r="AC111" s="551"/>
      <c r="AD111" s="551"/>
      <c r="AE111" s="551"/>
      <c r="AF111" s="68"/>
      <c r="AG111" s="68"/>
    </row>
    <row r="112" spans="1:33" ht="90" customHeight="1" thickBot="1">
      <c r="A112" s="68"/>
      <c r="B112" s="68"/>
      <c r="C112" s="558"/>
      <c r="D112" s="559"/>
      <c r="E112" s="559"/>
      <c r="F112" s="559"/>
      <c r="G112" s="559"/>
      <c r="H112" s="559"/>
      <c r="I112" s="559"/>
      <c r="J112" s="559"/>
      <c r="K112" s="559"/>
      <c r="L112" s="559"/>
      <c r="M112" s="559"/>
      <c r="N112" s="559"/>
      <c r="O112" s="559"/>
      <c r="P112" s="559"/>
      <c r="Q112" s="559"/>
      <c r="R112" s="559"/>
      <c r="S112" s="559"/>
      <c r="T112" s="559"/>
      <c r="U112" s="559"/>
      <c r="V112" s="559"/>
      <c r="W112" s="559"/>
      <c r="X112" s="559"/>
      <c r="Y112" s="559"/>
      <c r="Z112" s="559"/>
      <c r="AA112" s="559"/>
      <c r="AB112" s="559"/>
      <c r="AC112" s="559"/>
      <c r="AD112" s="559"/>
      <c r="AE112" s="560"/>
      <c r="AF112" s="68"/>
      <c r="AG112" s="68"/>
    </row>
    <row r="113" spans="1:33" ht="36" customHeight="1">
      <c r="A113" s="68"/>
      <c r="B113" s="68"/>
      <c r="C113" s="571" t="s">
        <v>341</v>
      </c>
      <c r="D113" s="571"/>
      <c r="E113" s="571"/>
      <c r="F113" s="571"/>
      <c r="G113" s="571"/>
      <c r="H113" s="571"/>
      <c r="I113" s="571"/>
      <c r="J113" s="571"/>
      <c r="K113" s="571"/>
      <c r="L113" s="571"/>
      <c r="M113" s="571"/>
      <c r="N113" s="571"/>
      <c r="O113" s="571"/>
      <c r="P113" s="571"/>
      <c r="Q113" s="571"/>
      <c r="R113" s="571"/>
      <c r="S113" s="571"/>
      <c r="T113" s="571"/>
      <c r="U113" s="571"/>
      <c r="V113" s="571"/>
      <c r="W113" s="571"/>
      <c r="X113" s="571"/>
      <c r="Y113" s="571"/>
      <c r="Z113" s="571"/>
      <c r="AA113" s="571"/>
      <c r="AB113" s="571"/>
      <c r="AC113" s="571"/>
      <c r="AD113" s="571"/>
      <c r="AE113" s="571"/>
      <c r="AF113" s="68"/>
      <c r="AG113" s="68"/>
    </row>
    <row r="114" spans="1:33" ht="24" customHeight="1">
      <c r="A114" s="68"/>
      <c r="B114" s="68"/>
      <c r="C114" s="587" t="s">
        <v>194</v>
      </c>
      <c r="D114" s="587"/>
      <c r="E114" s="587"/>
      <c r="F114" s="587"/>
      <c r="G114" s="587"/>
      <c r="H114" s="587"/>
      <c r="I114" s="587"/>
      <c r="J114" s="587"/>
      <c r="K114" s="587"/>
      <c r="L114" s="587"/>
      <c r="M114" s="587"/>
      <c r="N114" s="587"/>
      <c r="O114" s="587"/>
      <c r="P114" s="587"/>
      <c r="Q114" s="587"/>
      <c r="R114" s="587"/>
      <c r="S114" s="587"/>
      <c r="T114" s="587"/>
      <c r="U114" s="587"/>
      <c r="V114" s="587"/>
      <c r="W114" s="587"/>
      <c r="X114" s="587"/>
      <c r="Y114" s="587"/>
      <c r="Z114" s="587"/>
      <c r="AA114" s="587"/>
      <c r="AB114" s="587"/>
      <c r="AC114" s="587"/>
      <c r="AD114" s="587"/>
      <c r="AE114" s="587"/>
      <c r="AF114" s="68"/>
      <c r="AG114" s="68"/>
    </row>
    <row r="115" spans="1:33" ht="15" customHeight="1">
      <c r="A115" s="68"/>
      <c r="B115" s="68"/>
      <c r="C115" s="211"/>
      <c r="D115" s="211"/>
      <c r="E115" s="211"/>
      <c r="F115" s="211"/>
      <c r="G115" s="211"/>
      <c r="H115" s="211"/>
      <c r="I115" s="211"/>
      <c r="J115" s="211"/>
      <c r="K115" s="211"/>
      <c r="L115" s="211"/>
      <c r="M115" s="211"/>
      <c r="N115" s="211"/>
      <c r="O115" s="211"/>
      <c r="P115" s="211"/>
      <c r="Q115" s="211"/>
      <c r="R115" s="211"/>
      <c r="S115" s="211"/>
      <c r="T115" s="211"/>
      <c r="U115" s="211"/>
      <c r="V115" s="211"/>
      <c r="W115" s="211"/>
      <c r="X115" s="211"/>
      <c r="Y115" s="211"/>
      <c r="Z115" s="211"/>
      <c r="AA115" s="211"/>
      <c r="AB115" s="211"/>
      <c r="AC115" s="211"/>
      <c r="AD115" s="211"/>
      <c r="AE115" s="329"/>
      <c r="AF115" s="68"/>
      <c r="AG115" s="68"/>
    </row>
    <row r="116" spans="1:33" ht="24" customHeight="1">
      <c r="A116" s="119"/>
      <c r="B116" s="121" t="s">
        <v>74</v>
      </c>
      <c r="C116" s="121"/>
      <c r="D116" s="121"/>
      <c r="E116" s="121"/>
      <c r="F116" s="121"/>
      <c r="G116" s="121"/>
      <c r="H116" s="121"/>
      <c r="I116" s="121"/>
      <c r="J116" s="121"/>
      <c r="K116" s="121"/>
      <c r="L116" s="121"/>
      <c r="M116" s="121"/>
      <c r="N116" s="121"/>
      <c r="O116" s="121"/>
      <c r="P116" s="121"/>
      <c r="Q116" s="121"/>
      <c r="R116" s="121"/>
      <c r="S116" s="121"/>
      <c r="T116" s="121"/>
      <c r="U116" s="121"/>
      <c r="V116" s="121"/>
      <c r="W116" s="121"/>
      <c r="X116" s="121"/>
      <c r="Y116" s="121"/>
      <c r="Z116" s="121"/>
      <c r="AA116" s="121"/>
      <c r="AB116" s="121"/>
      <c r="AC116" s="121"/>
      <c r="AD116" s="110"/>
      <c r="AE116" s="110"/>
      <c r="AF116" s="119"/>
      <c r="AG116" s="68"/>
    </row>
    <row r="117" spans="1:33" ht="39" customHeight="1" thickBot="1">
      <c r="A117" s="68"/>
      <c r="B117" s="68"/>
      <c r="C117" s="551" t="s">
        <v>68</v>
      </c>
      <c r="D117" s="551"/>
      <c r="E117" s="551"/>
      <c r="F117" s="551"/>
      <c r="G117" s="551"/>
      <c r="H117" s="551"/>
      <c r="I117" s="551"/>
      <c r="J117" s="551"/>
      <c r="K117" s="551"/>
      <c r="L117" s="551"/>
      <c r="M117" s="551"/>
      <c r="N117" s="551"/>
      <c r="O117" s="551"/>
      <c r="P117" s="551"/>
      <c r="Q117" s="551"/>
      <c r="R117" s="551"/>
      <c r="S117" s="551"/>
      <c r="T117" s="551"/>
      <c r="U117" s="551"/>
      <c r="V117" s="551"/>
      <c r="W117" s="551"/>
      <c r="X117" s="551"/>
      <c r="Y117" s="551"/>
      <c r="Z117" s="551"/>
      <c r="AA117" s="551"/>
      <c r="AB117" s="551"/>
      <c r="AC117" s="551"/>
      <c r="AD117" s="551"/>
      <c r="AE117" s="551"/>
      <c r="AF117" s="68"/>
      <c r="AG117" s="68"/>
    </row>
    <row r="118" spans="1:33" ht="90" customHeight="1" thickBot="1">
      <c r="A118" s="68"/>
      <c r="B118" s="68"/>
      <c r="C118" s="558"/>
      <c r="D118" s="559"/>
      <c r="E118" s="559"/>
      <c r="F118" s="559"/>
      <c r="G118" s="559"/>
      <c r="H118" s="559"/>
      <c r="I118" s="559"/>
      <c r="J118" s="559"/>
      <c r="K118" s="559"/>
      <c r="L118" s="559"/>
      <c r="M118" s="559"/>
      <c r="N118" s="559"/>
      <c r="O118" s="559"/>
      <c r="P118" s="559"/>
      <c r="Q118" s="559"/>
      <c r="R118" s="559"/>
      <c r="S118" s="559"/>
      <c r="T118" s="559"/>
      <c r="U118" s="559"/>
      <c r="V118" s="559"/>
      <c r="W118" s="559"/>
      <c r="X118" s="559"/>
      <c r="Y118" s="559"/>
      <c r="Z118" s="559"/>
      <c r="AA118" s="559"/>
      <c r="AB118" s="559"/>
      <c r="AC118" s="559"/>
      <c r="AD118" s="559"/>
      <c r="AE118" s="560"/>
      <c r="AF118" s="68"/>
      <c r="AG118" s="68"/>
    </row>
    <row r="119" spans="1:33" ht="15" customHeight="1">
      <c r="A119" s="68"/>
      <c r="B119" s="68"/>
      <c r="C119" s="585" t="s">
        <v>195</v>
      </c>
      <c r="D119" s="585"/>
      <c r="E119" s="585"/>
      <c r="F119" s="585"/>
      <c r="G119" s="585"/>
      <c r="H119" s="585"/>
      <c r="I119" s="585"/>
      <c r="J119" s="585"/>
      <c r="K119" s="585"/>
      <c r="L119" s="585"/>
      <c r="M119" s="585"/>
      <c r="N119" s="585"/>
      <c r="O119" s="585"/>
      <c r="P119" s="585"/>
      <c r="Q119" s="585"/>
      <c r="R119" s="585"/>
      <c r="S119" s="585"/>
      <c r="T119" s="585"/>
      <c r="U119" s="585"/>
      <c r="V119" s="585"/>
      <c r="W119" s="585"/>
      <c r="X119" s="585"/>
      <c r="Y119" s="585"/>
      <c r="Z119" s="585"/>
      <c r="AA119" s="585"/>
      <c r="AB119" s="585"/>
      <c r="AC119" s="585"/>
      <c r="AD119" s="585"/>
      <c r="AE119" s="330"/>
      <c r="AF119" s="68"/>
      <c r="AG119" s="68"/>
    </row>
    <row r="120" spans="1:33" ht="15" customHeight="1">
      <c r="A120" s="68"/>
      <c r="B120" s="68"/>
      <c r="C120" s="209"/>
      <c r="D120" s="209"/>
      <c r="E120" s="209"/>
      <c r="F120" s="209"/>
      <c r="G120" s="209"/>
      <c r="H120" s="209"/>
      <c r="I120" s="209"/>
      <c r="J120" s="209"/>
      <c r="K120" s="209"/>
      <c r="L120" s="209"/>
      <c r="M120" s="209"/>
      <c r="N120" s="209"/>
      <c r="O120" s="209"/>
      <c r="P120" s="209"/>
      <c r="Q120" s="209"/>
      <c r="R120" s="209"/>
      <c r="S120" s="209"/>
      <c r="T120" s="209"/>
      <c r="U120" s="209"/>
      <c r="V120" s="209"/>
      <c r="W120" s="209"/>
      <c r="X120" s="209"/>
      <c r="Y120" s="209"/>
      <c r="Z120" s="209"/>
      <c r="AA120" s="209"/>
      <c r="AB120" s="209"/>
      <c r="AC120" s="209"/>
      <c r="AD120" s="209"/>
      <c r="AE120" s="330"/>
      <c r="AF120" s="68"/>
      <c r="AG120" s="68"/>
    </row>
    <row r="121" spans="1:33" ht="24" customHeight="1">
      <c r="A121" s="119"/>
      <c r="B121" s="121" t="s">
        <v>331</v>
      </c>
      <c r="C121" s="110"/>
      <c r="D121" s="123"/>
      <c r="E121" s="123"/>
      <c r="F121" s="123"/>
      <c r="G121" s="123"/>
      <c r="H121" s="123"/>
      <c r="I121" s="123"/>
      <c r="J121" s="123"/>
      <c r="K121" s="123"/>
      <c r="L121" s="123"/>
      <c r="M121" s="123"/>
      <c r="N121" s="123"/>
      <c r="O121" s="123"/>
      <c r="P121" s="123"/>
      <c r="Q121" s="123"/>
      <c r="R121" s="123"/>
      <c r="S121" s="123"/>
      <c r="T121" s="123"/>
      <c r="U121" s="123"/>
      <c r="V121" s="123"/>
      <c r="W121" s="123"/>
      <c r="X121" s="123"/>
      <c r="Y121" s="123"/>
      <c r="Z121" s="123"/>
      <c r="AA121" s="123"/>
      <c r="AB121" s="123"/>
      <c r="AC121" s="123"/>
      <c r="AD121" s="123"/>
      <c r="AE121" s="123"/>
      <c r="AF121" s="119"/>
      <c r="AG121" s="68"/>
    </row>
    <row r="122" spans="1:33" ht="25.9" customHeight="1" thickBot="1">
      <c r="A122" s="68"/>
      <c r="B122" s="68"/>
      <c r="C122" s="570" t="s">
        <v>429</v>
      </c>
      <c r="D122" s="570"/>
      <c r="E122" s="570"/>
      <c r="F122" s="570"/>
      <c r="G122" s="570"/>
      <c r="H122" s="570"/>
      <c r="I122" s="570"/>
      <c r="J122" s="570"/>
      <c r="K122" s="570"/>
      <c r="L122" s="570"/>
      <c r="M122" s="570"/>
      <c r="N122" s="570"/>
      <c r="O122" s="570"/>
      <c r="P122" s="570"/>
      <c r="Q122" s="570"/>
      <c r="R122" s="570"/>
      <c r="S122" s="570"/>
      <c r="T122" s="570"/>
      <c r="U122" s="570"/>
      <c r="V122" s="570"/>
      <c r="W122" s="570"/>
      <c r="X122" s="570"/>
      <c r="Y122" s="570"/>
      <c r="Z122" s="570"/>
      <c r="AA122" s="570"/>
      <c r="AB122" s="570"/>
      <c r="AC122" s="570"/>
      <c r="AD122" s="570"/>
      <c r="AE122" s="570"/>
      <c r="AF122" s="68"/>
      <c r="AG122" s="68"/>
    </row>
    <row r="123" spans="1:33" ht="32.65" customHeight="1">
      <c r="A123" s="68"/>
      <c r="B123" s="68"/>
      <c r="C123" s="561" t="s">
        <v>336</v>
      </c>
      <c r="D123" s="563"/>
      <c r="E123" s="563"/>
      <c r="F123" s="563"/>
      <c r="G123" s="563"/>
      <c r="H123" s="562"/>
      <c r="I123" s="815" t="s">
        <v>338</v>
      </c>
      <c r="J123" s="563"/>
      <c r="K123" s="563"/>
      <c r="L123" s="563"/>
      <c r="M123" s="562"/>
      <c r="N123" s="889" t="s">
        <v>433</v>
      </c>
      <c r="O123" s="563"/>
      <c r="P123" s="563"/>
      <c r="Q123" s="563"/>
      <c r="R123" s="562"/>
      <c r="S123" s="889" t="s">
        <v>182</v>
      </c>
      <c r="T123" s="563"/>
      <c r="U123" s="563"/>
      <c r="V123" s="563"/>
      <c r="W123" s="889" t="s">
        <v>246</v>
      </c>
      <c r="X123" s="563"/>
      <c r="Y123" s="563"/>
      <c r="Z123" s="562"/>
      <c r="AA123" s="809" t="s">
        <v>179</v>
      </c>
      <c r="AB123" s="563"/>
      <c r="AC123" s="563"/>
      <c r="AD123" s="563"/>
      <c r="AE123" s="169" t="s">
        <v>332</v>
      </c>
      <c r="AF123" s="68"/>
      <c r="AG123" s="68"/>
    </row>
    <row r="124" spans="1:33" ht="32.65" customHeight="1">
      <c r="A124" s="68"/>
      <c r="B124" s="68"/>
      <c r="C124" s="844"/>
      <c r="D124" s="845"/>
      <c r="E124" s="845"/>
      <c r="F124" s="845"/>
      <c r="G124" s="845"/>
      <c r="H124" s="845"/>
      <c r="I124" s="845"/>
      <c r="J124" s="845"/>
      <c r="K124" s="845"/>
      <c r="L124" s="845"/>
      <c r="M124" s="845"/>
      <c r="N124" s="845"/>
      <c r="O124" s="845"/>
      <c r="P124" s="845"/>
      <c r="Q124" s="845"/>
      <c r="R124" s="845"/>
      <c r="S124" s="849"/>
      <c r="T124" s="850"/>
      <c r="U124" s="850"/>
      <c r="V124" s="850"/>
      <c r="W124" s="891"/>
      <c r="X124" s="892"/>
      <c r="Y124" s="892"/>
      <c r="Z124" s="893"/>
      <c r="AA124" s="686">
        <f>S124*W124</f>
        <v>0</v>
      </c>
      <c r="AB124" s="686"/>
      <c r="AC124" s="686"/>
      <c r="AD124" s="686"/>
      <c r="AE124" s="352"/>
      <c r="AF124" s="68"/>
      <c r="AG124" s="68"/>
    </row>
    <row r="125" spans="1:33" ht="32.65" customHeight="1">
      <c r="A125" s="68"/>
      <c r="B125" s="68"/>
      <c r="C125" s="844"/>
      <c r="D125" s="845"/>
      <c r="E125" s="845"/>
      <c r="F125" s="845"/>
      <c r="G125" s="845"/>
      <c r="H125" s="845"/>
      <c r="I125" s="845"/>
      <c r="J125" s="845"/>
      <c r="K125" s="845"/>
      <c r="L125" s="845"/>
      <c r="M125" s="845"/>
      <c r="N125" s="845"/>
      <c r="O125" s="845"/>
      <c r="P125" s="845"/>
      <c r="Q125" s="845"/>
      <c r="R125" s="845"/>
      <c r="S125" s="849"/>
      <c r="T125" s="850"/>
      <c r="U125" s="850"/>
      <c r="V125" s="850"/>
      <c r="W125" s="891"/>
      <c r="X125" s="892"/>
      <c r="Y125" s="892"/>
      <c r="Z125" s="893"/>
      <c r="AA125" s="686">
        <f t="shared" ref="AA125:AA133" si="1">S125*W125</f>
        <v>0</v>
      </c>
      <c r="AB125" s="686"/>
      <c r="AC125" s="686"/>
      <c r="AD125" s="686"/>
      <c r="AE125" s="353"/>
      <c r="AF125" s="68"/>
      <c r="AG125" s="68"/>
    </row>
    <row r="126" spans="1:33" ht="32.65" customHeight="1">
      <c r="A126" s="68"/>
      <c r="B126" s="68"/>
      <c r="C126" s="844"/>
      <c r="D126" s="845"/>
      <c r="E126" s="845"/>
      <c r="F126" s="845"/>
      <c r="G126" s="845"/>
      <c r="H126" s="845"/>
      <c r="I126" s="845"/>
      <c r="J126" s="845"/>
      <c r="K126" s="845"/>
      <c r="L126" s="845"/>
      <c r="M126" s="845"/>
      <c r="N126" s="845"/>
      <c r="O126" s="845"/>
      <c r="P126" s="845"/>
      <c r="Q126" s="845"/>
      <c r="R126" s="845"/>
      <c r="S126" s="849"/>
      <c r="T126" s="850"/>
      <c r="U126" s="850"/>
      <c r="V126" s="850"/>
      <c r="W126" s="891"/>
      <c r="X126" s="892"/>
      <c r="Y126" s="892"/>
      <c r="Z126" s="893"/>
      <c r="AA126" s="686">
        <f>S126*W126</f>
        <v>0</v>
      </c>
      <c r="AB126" s="686"/>
      <c r="AC126" s="686"/>
      <c r="AD126" s="686"/>
      <c r="AE126" s="353"/>
      <c r="AF126" s="68"/>
      <c r="AG126" s="68"/>
    </row>
    <row r="127" spans="1:33" ht="32.65" customHeight="1">
      <c r="A127" s="68"/>
      <c r="B127" s="68"/>
      <c r="C127" s="844"/>
      <c r="D127" s="845"/>
      <c r="E127" s="845"/>
      <c r="F127" s="845"/>
      <c r="G127" s="845"/>
      <c r="H127" s="845"/>
      <c r="I127" s="845"/>
      <c r="J127" s="845"/>
      <c r="K127" s="845"/>
      <c r="L127" s="845"/>
      <c r="M127" s="845"/>
      <c r="N127" s="845"/>
      <c r="O127" s="845"/>
      <c r="P127" s="845"/>
      <c r="Q127" s="845"/>
      <c r="R127" s="845"/>
      <c r="S127" s="849"/>
      <c r="T127" s="850"/>
      <c r="U127" s="850"/>
      <c r="V127" s="850"/>
      <c r="W127" s="891"/>
      <c r="X127" s="892"/>
      <c r="Y127" s="892"/>
      <c r="Z127" s="893"/>
      <c r="AA127" s="686">
        <f t="shared" si="1"/>
        <v>0</v>
      </c>
      <c r="AB127" s="686"/>
      <c r="AC127" s="686"/>
      <c r="AD127" s="686"/>
      <c r="AE127" s="353"/>
      <c r="AF127" s="68"/>
      <c r="AG127" s="68"/>
    </row>
    <row r="128" spans="1:33" ht="32.65" customHeight="1" thickBot="1">
      <c r="A128" s="68"/>
      <c r="B128" s="68"/>
      <c r="C128" s="887"/>
      <c r="D128" s="888"/>
      <c r="E128" s="888"/>
      <c r="F128" s="888"/>
      <c r="G128" s="888"/>
      <c r="H128" s="888"/>
      <c r="I128" s="888"/>
      <c r="J128" s="888"/>
      <c r="K128" s="888"/>
      <c r="L128" s="888"/>
      <c r="M128" s="888"/>
      <c r="N128" s="888"/>
      <c r="O128" s="888"/>
      <c r="P128" s="888"/>
      <c r="Q128" s="888"/>
      <c r="R128" s="888"/>
      <c r="S128" s="907"/>
      <c r="T128" s="908"/>
      <c r="U128" s="908"/>
      <c r="V128" s="908"/>
      <c r="W128" s="920"/>
      <c r="X128" s="921"/>
      <c r="Y128" s="921"/>
      <c r="Z128" s="922"/>
      <c r="AA128" s="688">
        <f t="shared" si="1"/>
        <v>0</v>
      </c>
      <c r="AB128" s="689"/>
      <c r="AC128" s="689"/>
      <c r="AD128" s="690"/>
      <c r="AE128" s="354"/>
      <c r="AF128" s="68"/>
      <c r="AG128" s="68"/>
    </row>
    <row r="129" spans="1:33" ht="32.65" hidden="1" customHeight="1" outlineLevel="1">
      <c r="A129" s="68"/>
      <c r="B129" s="68"/>
      <c r="C129" s="899"/>
      <c r="D129" s="900"/>
      <c r="E129" s="900"/>
      <c r="F129" s="900"/>
      <c r="G129" s="900"/>
      <c r="H129" s="900"/>
      <c r="I129" s="900"/>
      <c r="J129" s="900"/>
      <c r="K129" s="900"/>
      <c r="L129" s="900"/>
      <c r="M129" s="900"/>
      <c r="N129" s="900"/>
      <c r="O129" s="900"/>
      <c r="P129" s="900"/>
      <c r="Q129" s="900"/>
      <c r="R129" s="900"/>
      <c r="S129" s="894"/>
      <c r="T129" s="895"/>
      <c r="U129" s="895"/>
      <c r="V129" s="895"/>
      <c r="W129" s="896"/>
      <c r="X129" s="897"/>
      <c r="Y129" s="897"/>
      <c r="Z129" s="898"/>
      <c r="AA129" s="692">
        <f t="shared" si="1"/>
        <v>0</v>
      </c>
      <c r="AB129" s="692"/>
      <c r="AC129" s="692"/>
      <c r="AD129" s="692"/>
      <c r="AE129" s="368"/>
      <c r="AF129" s="68"/>
      <c r="AG129" s="68"/>
    </row>
    <row r="130" spans="1:33" ht="32.65" hidden="1" customHeight="1" outlineLevel="1">
      <c r="A130" s="68"/>
      <c r="B130" s="68"/>
      <c r="C130" s="844"/>
      <c r="D130" s="845"/>
      <c r="E130" s="845"/>
      <c r="F130" s="845"/>
      <c r="G130" s="845"/>
      <c r="H130" s="845"/>
      <c r="I130" s="845"/>
      <c r="J130" s="845"/>
      <c r="K130" s="845"/>
      <c r="L130" s="845"/>
      <c r="M130" s="845"/>
      <c r="N130" s="845"/>
      <c r="O130" s="845"/>
      <c r="P130" s="845"/>
      <c r="Q130" s="845"/>
      <c r="R130" s="845"/>
      <c r="S130" s="849"/>
      <c r="T130" s="850"/>
      <c r="U130" s="850"/>
      <c r="V130" s="850"/>
      <c r="W130" s="891"/>
      <c r="X130" s="892"/>
      <c r="Y130" s="892"/>
      <c r="Z130" s="893"/>
      <c r="AA130" s="686">
        <f>S130*W130</f>
        <v>0</v>
      </c>
      <c r="AB130" s="686"/>
      <c r="AC130" s="686"/>
      <c r="AD130" s="686"/>
      <c r="AE130" s="369"/>
      <c r="AF130" s="68"/>
      <c r="AG130" s="68"/>
    </row>
    <row r="131" spans="1:33" ht="32.65" hidden="1" customHeight="1" outlineLevel="1">
      <c r="A131" s="68"/>
      <c r="B131" s="68"/>
      <c r="C131" s="844"/>
      <c r="D131" s="845"/>
      <c r="E131" s="845"/>
      <c r="F131" s="845"/>
      <c r="G131" s="845"/>
      <c r="H131" s="845"/>
      <c r="I131" s="845"/>
      <c r="J131" s="845"/>
      <c r="K131" s="845"/>
      <c r="L131" s="845"/>
      <c r="M131" s="845"/>
      <c r="N131" s="845"/>
      <c r="O131" s="845"/>
      <c r="P131" s="845"/>
      <c r="Q131" s="845"/>
      <c r="R131" s="845"/>
      <c r="S131" s="849"/>
      <c r="T131" s="850"/>
      <c r="U131" s="850"/>
      <c r="V131" s="850"/>
      <c r="W131" s="891"/>
      <c r="X131" s="892"/>
      <c r="Y131" s="892"/>
      <c r="Z131" s="893"/>
      <c r="AA131" s="686">
        <f t="shared" si="1"/>
        <v>0</v>
      </c>
      <c r="AB131" s="686"/>
      <c r="AC131" s="686"/>
      <c r="AD131" s="686"/>
      <c r="AE131" s="369"/>
      <c r="AF131" s="68"/>
      <c r="AG131" s="68"/>
    </row>
    <row r="132" spans="1:33" ht="32.65" hidden="1" customHeight="1" outlineLevel="1">
      <c r="A132" s="68"/>
      <c r="B132" s="68"/>
      <c r="C132" s="844"/>
      <c r="D132" s="845"/>
      <c r="E132" s="845"/>
      <c r="F132" s="845"/>
      <c r="G132" s="845"/>
      <c r="H132" s="845"/>
      <c r="I132" s="845"/>
      <c r="J132" s="845"/>
      <c r="K132" s="845"/>
      <c r="L132" s="845"/>
      <c r="M132" s="845"/>
      <c r="N132" s="845"/>
      <c r="O132" s="845"/>
      <c r="P132" s="845"/>
      <c r="Q132" s="845"/>
      <c r="R132" s="845"/>
      <c r="S132" s="849"/>
      <c r="T132" s="850"/>
      <c r="U132" s="850"/>
      <c r="V132" s="850"/>
      <c r="W132" s="891"/>
      <c r="X132" s="892"/>
      <c r="Y132" s="892"/>
      <c r="Z132" s="893"/>
      <c r="AA132" s="686">
        <f t="shared" si="1"/>
        <v>0</v>
      </c>
      <c r="AB132" s="686"/>
      <c r="AC132" s="686"/>
      <c r="AD132" s="686"/>
      <c r="AE132" s="369"/>
      <c r="AF132" s="68"/>
      <c r="AG132" s="68"/>
    </row>
    <row r="133" spans="1:33" ht="32.65" hidden="1" customHeight="1" outlineLevel="1" thickBot="1">
      <c r="A133" s="68"/>
      <c r="B133" s="68"/>
      <c r="C133" s="887"/>
      <c r="D133" s="888"/>
      <c r="E133" s="888"/>
      <c r="F133" s="888"/>
      <c r="G133" s="888"/>
      <c r="H133" s="888"/>
      <c r="I133" s="888"/>
      <c r="J133" s="888"/>
      <c r="K133" s="888"/>
      <c r="L133" s="888"/>
      <c r="M133" s="888"/>
      <c r="N133" s="888"/>
      <c r="O133" s="888"/>
      <c r="P133" s="888"/>
      <c r="Q133" s="888"/>
      <c r="R133" s="888"/>
      <c r="S133" s="907"/>
      <c r="T133" s="908"/>
      <c r="U133" s="908"/>
      <c r="V133" s="908"/>
      <c r="W133" s="920"/>
      <c r="X133" s="921"/>
      <c r="Y133" s="921"/>
      <c r="Z133" s="922"/>
      <c r="AA133" s="688">
        <f t="shared" si="1"/>
        <v>0</v>
      </c>
      <c r="AB133" s="689"/>
      <c r="AC133" s="689"/>
      <c r="AD133" s="690"/>
      <c r="AE133" s="370"/>
      <c r="AF133" s="68"/>
      <c r="AG133" s="68"/>
    </row>
    <row r="134" spans="1:33" ht="32.65" customHeight="1" collapsed="1" thickBot="1">
      <c r="A134" s="68"/>
      <c r="B134" s="68"/>
      <c r="C134" s="70"/>
      <c r="D134" s="70"/>
      <c r="E134" s="70"/>
      <c r="F134" s="70"/>
      <c r="G134" s="70"/>
      <c r="H134" s="70"/>
      <c r="I134" s="70"/>
      <c r="J134" s="70"/>
      <c r="K134" s="70"/>
      <c r="L134" s="70"/>
      <c r="M134" s="70"/>
      <c r="N134" s="70"/>
      <c r="O134" s="70"/>
      <c r="P134" s="70"/>
      <c r="Q134" s="70"/>
      <c r="R134" s="70"/>
      <c r="S134" s="70"/>
      <c r="T134" s="70"/>
      <c r="U134" s="70"/>
      <c r="V134" s="70"/>
      <c r="W134" s="70"/>
      <c r="X134" s="70"/>
      <c r="Y134" s="70"/>
      <c r="Z134" s="176" t="s">
        <v>54</v>
      </c>
      <c r="AA134" s="682">
        <f>SUM(AA124:AD133)</f>
        <v>0</v>
      </c>
      <c r="AB134" s="683"/>
      <c r="AC134" s="683"/>
      <c r="AD134" s="684"/>
      <c r="AE134" s="393"/>
      <c r="AF134" s="68"/>
      <c r="AG134" s="68"/>
    </row>
    <row r="135" spans="1:33" ht="15" customHeight="1">
      <c r="A135" s="68"/>
      <c r="B135" s="68"/>
      <c r="C135" s="70"/>
      <c r="D135" s="70"/>
      <c r="E135" s="70"/>
      <c r="F135" s="70"/>
      <c r="G135" s="70"/>
      <c r="H135" s="70"/>
      <c r="I135" s="70"/>
      <c r="J135" s="70"/>
      <c r="K135" s="70"/>
      <c r="L135" s="70"/>
      <c r="M135" s="70"/>
      <c r="N135" s="70"/>
      <c r="O135" s="70"/>
      <c r="P135" s="70"/>
      <c r="Q135" s="70"/>
      <c r="R135" s="70"/>
      <c r="S135" s="70"/>
      <c r="T135" s="70"/>
      <c r="U135" s="70"/>
      <c r="V135" s="70"/>
      <c r="W135" s="70"/>
      <c r="X135" s="70"/>
      <c r="Y135" s="70"/>
      <c r="Z135" s="70"/>
      <c r="AA135" s="176"/>
      <c r="AB135" s="178"/>
      <c r="AC135" s="178"/>
      <c r="AD135" s="178"/>
      <c r="AE135" s="72"/>
      <c r="AF135" s="68"/>
      <c r="AG135" s="68"/>
    </row>
    <row r="136" spans="1:33" ht="46.9" customHeight="1" thickBot="1">
      <c r="A136" s="68"/>
      <c r="B136" s="68"/>
      <c r="C136" s="570" t="s">
        <v>235</v>
      </c>
      <c r="D136" s="570"/>
      <c r="E136" s="570"/>
      <c r="F136" s="570"/>
      <c r="G136" s="570"/>
      <c r="H136" s="570"/>
      <c r="I136" s="570"/>
      <c r="J136" s="570"/>
      <c r="K136" s="570"/>
      <c r="L136" s="570"/>
      <c r="M136" s="570"/>
      <c r="N136" s="570"/>
      <c r="O136" s="570"/>
      <c r="P136" s="570"/>
      <c r="Q136" s="570"/>
      <c r="R136" s="570"/>
      <c r="S136" s="570"/>
      <c r="T136" s="570"/>
      <c r="U136" s="570"/>
      <c r="V136" s="570"/>
      <c r="W136" s="570"/>
      <c r="X136" s="570"/>
      <c r="Y136" s="570"/>
      <c r="Z136" s="570"/>
      <c r="AA136" s="570"/>
      <c r="AB136" s="570"/>
      <c r="AC136" s="570"/>
      <c r="AD136" s="570"/>
      <c r="AE136" s="570"/>
      <c r="AF136" s="68"/>
      <c r="AG136" s="68"/>
    </row>
    <row r="137" spans="1:33" ht="90" customHeight="1" thickBot="1">
      <c r="A137" s="68"/>
      <c r="B137" s="68"/>
      <c r="C137" s="558"/>
      <c r="D137" s="559"/>
      <c r="E137" s="559"/>
      <c r="F137" s="559"/>
      <c r="G137" s="559"/>
      <c r="H137" s="559"/>
      <c r="I137" s="559"/>
      <c r="J137" s="559"/>
      <c r="K137" s="559"/>
      <c r="L137" s="559"/>
      <c r="M137" s="559"/>
      <c r="N137" s="559"/>
      <c r="O137" s="559"/>
      <c r="P137" s="559"/>
      <c r="Q137" s="559"/>
      <c r="R137" s="559"/>
      <c r="S137" s="559"/>
      <c r="T137" s="559"/>
      <c r="U137" s="559"/>
      <c r="V137" s="559"/>
      <c r="W137" s="559"/>
      <c r="X137" s="559"/>
      <c r="Y137" s="559"/>
      <c r="Z137" s="559"/>
      <c r="AA137" s="559"/>
      <c r="AB137" s="559"/>
      <c r="AC137" s="559"/>
      <c r="AD137" s="559"/>
      <c r="AE137" s="560"/>
      <c r="AF137" s="68"/>
      <c r="AG137" s="68"/>
    </row>
    <row r="138" spans="1:33">
      <c r="A138" s="68"/>
      <c r="B138" s="68"/>
      <c r="C138" s="68"/>
      <c r="D138" s="68"/>
      <c r="E138" s="68"/>
      <c r="F138" s="68"/>
      <c r="G138" s="68"/>
      <c r="H138" s="68"/>
      <c r="I138" s="68"/>
      <c r="J138" s="68"/>
      <c r="K138" s="68"/>
      <c r="L138" s="68"/>
      <c r="M138" s="68"/>
      <c r="N138" s="68"/>
      <c r="O138" s="68"/>
      <c r="P138" s="68"/>
      <c r="Q138" s="68"/>
      <c r="R138" s="68"/>
      <c r="S138" s="68"/>
      <c r="T138" s="68"/>
      <c r="U138" s="68"/>
      <c r="V138" s="68"/>
      <c r="W138" s="68"/>
      <c r="X138" s="68"/>
      <c r="Y138" s="68"/>
      <c r="Z138" s="68"/>
      <c r="AA138" s="68"/>
      <c r="AB138" s="68"/>
      <c r="AC138" s="68"/>
      <c r="AD138" s="68"/>
      <c r="AE138" s="68"/>
      <c r="AF138" s="68"/>
      <c r="AG138" s="68"/>
    </row>
  </sheetData>
  <sheetProtection sheet="1" objects="1" scenarios="1"/>
  <customSheetViews>
    <customSheetView guid="{75F8A93C-F5BA-4FE5-85C6-88804E4D71E6}" showPageBreaks="1" printArea="1" view="pageBreakPreview" topLeftCell="A61">
      <selection activeCell="S72" sqref="H70:AD72"/>
      <rowBreaks count="1" manualBreakCount="1">
        <brk id="81" max="31" man="1"/>
      </rowBreaks>
      <pageMargins left="0.7" right="0.7" top="0.75" bottom="0.75" header="0.3" footer="0.3"/>
      <pageSetup paperSize="9" scale="79" orientation="portrait" r:id="rId1"/>
    </customSheetView>
  </customSheetViews>
  <mergeCells count="271">
    <mergeCell ref="I35:AE35"/>
    <mergeCell ref="C89:AD89"/>
    <mergeCell ref="C90:F90"/>
    <mergeCell ref="G90:AE90"/>
    <mergeCell ref="C91:F91"/>
    <mergeCell ref="H91:AE91"/>
    <mergeCell ref="C92:F92"/>
    <mergeCell ref="H92:AE92"/>
    <mergeCell ref="AA53:AD53"/>
    <mergeCell ref="C68:F68"/>
    <mergeCell ref="R58:U58"/>
    <mergeCell ref="V58:Z58"/>
    <mergeCell ref="C74:F74"/>
    <mergeCell ref="C67:AD67"/>
    <mergeCell ref="C79:AD79"/>
    <mergeCell ref="C80:F80"/>
    <mergeCell ref="C45:G47"/>
    <mergeCell ref="H45:H47"/>
    <mergeCell ref="C59:I59"/>
    <mergeCell ref="C64:G64"/>
    <mergeCell ref="C65:G65"/>
    <mergeCell ref="J50:Q50"/>
    <mergeCell ref="J51:Q51"/>
    <mergeCell ref="J52:Q52"/>
    <mergeCell ref="C58:I58"/>
    <mergeCell ref="J58:Q58"/>
    <mergeCell ref="J59:Q59"/>
    <mergeCell ref="J60:Q60"/>
    <mergeCell ref="C60:I60"/>
    <mergeCell ref="C35:G35"/>
    <mergeCell ref="J53:Q53"/>
    <mergeCell ref="C52:I52"/>
    <mergeCell ref="C53:I53"/>
    <mergeCell ref="S132:V132"/>
    <mergeCell ref="W132:Z132"/>
    <mergeCell ref="C11:AC11"/>
    <mergeCell ref="C12:G12"/>
    <mergeCell ref="C13:G13"/>
    <mergeCell ref="C14:G14"/>
    <mergeCell ref="C69:F69"/>
    <mergeCell ref="C70:F70"/>
    <mergeCell ref="C73:AD73"/>
    <mergeCell ref="C75:F75"/>
    <mergeCell ref="V51:Z51"/>
    <mergeCell ref="V52:Z52"/>
    <mergeCell ref="V53:Z53"/>
    <mergeCell ref="AA59:AD59"/>
    <mergeCell ref="AA60:AD60"/>
    <mergeCell ref="AA124:AD124"/>
    <mergeCell ref="S125:V125"/>
    <mergeCell ref="C76:F76"/>
    <mergeCell ref="AA58:AD58"/>
    <mergeCell ref="C82:F82"/>
    <mergeCell ref="C15:G15"/>
    <mergeCell ref="C16:G16"/>
    <mergeCell ref="C20:G20"/>
    <mergeCell ref="C21:G21"/>
    <mergeCell ref="S133:V133"/>
    <mergeCell ref="W133:Z133"/>
    <mergeCell ref="AA133:AD133"/>
    <mergeCell ref="C125:H125"/>
    <mergeCell ref="C119:AD119"/>
    <mergeCell ref="I130:M130"/>
    <mergeCell ref="N130:R130"/>
    <mergeCell ref="C131:H131"/>
    <mergeCell ref="C81:F81"/>
    <mergeCell ref="AA61:AD61"/>
    <mergeCell ref="C56:I56"/>
    <mergeCell ref="J56:Q56"/>
    <mergeCell ref="R56:U56"/>
    <mergeCell ref="V56:Z56"/>
    <mergeCell ref="AA56:AD56"/>
    <mergeCell ref="C57:I57"/>
    <mergeCell ref="J57:Q57"/>
    <mergeCell ref="R57:U57"/>
    <mergeCell ref="V57:Z57"/>
    <mergeCell ref="AA57:AD57"/>
    <mergeCell ref="AA134:AD134"/>
    <mergeCell ref="S128:V128"/>
    <mergeCell ref="W128:Z128"/>
    <mergeCell ref="W125:Z125"/>
    <mergeCell ref="AA132:AD132"/>
    <mergeCell ref="AA127:AD127"/>
    <mergeCell ref="W123:Z123"/>
    <mergeCell ref="AA123:AD123"/>
    <mergeCell ref="S123:V123"/>
    <mergeCell ref="S124:V124"/>
    <mergeCell ref="W124:Z124"/>
    <mergeCell ref="AA125:AD125"/>
    <mergeCell ref="S126:V126"/>
    <mergeCell ref="W126:Z126"/>
    <mergeCell ref="AA126:AD126"/>
    <mergeCell ref="S127:V127"/>
    <mergeCell ref="W127:Z127"/>
    <mergeCell ref="U6:AE6"/>
    <mergeCell ref="R53:U53"/>
    <mergeCell ref="R59:U59"/>
    <mergeCell ref="R60:U60"/>
    <mergeCell ref="AA50:AD50"/>
    <mergeCell ref="AA51:AD51"/>
    <mergeCell ref="V59:Z59"/>
    <mergeCell ref="V60:Z60"/>
    <mergeCell ref="R50:U50"/>
    <mergeCell ref="R51:U51"/>
    <mergeCell ref="R52:U52"/>
    <mergeCell ref="C19:AC19"/>
    <mergeCell ref="C49:AD49"/>
    <mergeCell ref="C23:AC23"/>
    <mergeCell ref="C25:AC25"/>
    <mergeCell ref="C50:I50"/>
    <mergeCell ref="C51:I51"/>
    <mergeCell ref="C55:I55"/>
    <mergeCell ref="J55:Q55"/>
    <mergeCell ref="R55:U55"/>
    <mergeCell ref="V55:Z55"/>
    <mergeCell ref="AA55:AD55"/>
    <mergeCell ref="AA52:AD52"/>
    <mergeCell ref="C22:G22"/>
    <mergeCell ref="I125:M125"/>
    <mergeCell ref="N125:R125"/>
    <mergeCell ref="Y106:AC106"/>
    <mergeCell ref="Y107:AC107"/>
    <mergeCell ref="Y108:AC108"/>
    <mergeCell ref="C118:AE118"/>
    <mergeCell ref="AD108:AE108"/>
    <mergeCell ref="AD106:AE106"/>
    <mergeCell ref="U106:X106"/>
    <mergeCell ref="U107:X107"/>
    <mergeCell ref="U108:X108"/>
    <mergeCell ref="L106:T106"/>
    <mergeCell ref="L107:T107"/>
    <mergeCell ref="L108:T108"/>
    <mergeCell ref="C107:K107"/>
    <mergeCell ref="C108:K108"/>
    <mergeCell ref="C106:K106"/>
    <mergeCell ref="Y98:AC98"/>
    <mergeCell ref="Y99:AC99"/>
    <mergeCell ref="Y100:AC100"/>
    <mergeCell ref="Y101:AC101"/>
    <mergeCell ref="Y102:AC102"/>
    <mergeCell ref="Y103:AC103"/>
    <mergeCell ref="Y104:AC104"/>
    <mergeCell ref="Y105:AC105"/>
    <mergeCell ref="AD98:AE98"/>
    <mergeCell ref="AD99:AE99"/>
    <mergeCell ref="AD100:AE100"/>
    <mergeCell ref="AD101:AE101"/>
    <mergeCell ref="AD102:AE102"/>
    <mergeCell ref="AD103:AE103"/>
    <mergeCell ref="AD104:AE104"/>
    <mergeCell ref="AD105:AE105"/>
    <mergeCell ref="C137:AE137"/>
    <mergeCell ref="C126:H126"/>
    <mergeCell ref="I126:M126"/>
    <mergeCell ref="N126:R126"/>
    <mergeCell ref="C127:H127"/>
    <mergeCell ref="I127:M127"/>
    <mergeCell ref="N127:R127"/>
    <mergeCell ref="C128:H128"/>
    <mergeCell ref="I128:M128"/>
    <mergeCell ref="N128:R128"/>
    <mergeCell ref="S131:V131"/>
    <mergeCell ref="W131:Z131"/>
    <mergeCell ref="AA131:AD131"/>
    <mergeCell ref="AA128:AD128"/>
    <mergeCell ref="S129:V129"/>
    <mergeCell ref="W129:Z129"/>
    <mergeCell ref="AA129:AD129"/>
    <mergeCell ref="S130:V130"/>
    <mergeCell ref="W130:Z130"/>
    <mergeCell ref="AA130:AD130"/>
    <mergeCell ref="C129:H129"/>
    <mergeCell ref="I129:M129"/>
    <mergeCell ref="N129:R129"/>
    <mergeCell ref="C130:H130"/>
    <mergeCell ref="C136:AE136"/>
    <mergeCell ref="C122:AE122"/>
    <mergeCell ref="C117:AE117"/>
    <mergeCell ref="C113:AE113"/>
    <mergeCell ref="C114:AE114"/>
    <mergeCell ref="C112:AE112"/>
    <mergeCell ref="C97:AE97"/>
    <mergeCell ref="C86:AE87"/>
    <mergeCell ref="C111:AE111"/>
    <mergeCell ref="I131:M131"/>
    <mergeCell ref="N131:R131"/>
    <mergeCell ref="C132:H132"/>
    <mergeCell ref="I132:M132"/>
    <mergeCell ref="N132:R132"/>
    <mergeCell ref="C133:H133"/>
    <mergeCell ref="I133:M133"/>
    <mergeCell ref="N133:R133"/>
    <mergeCell ref="C123:H123"/>
    <mergeCell ref="I123:M123"/>
    <mergeCell ref="N123:R123"/>
    <mergeCell ref="C124:H124"/>
    <mergeCell ref="I124:M124"/>
    <mergeCell ref="N124:R124"/>
    <mergeCell ref="AD107:AE107"/>
    <mergeCell ref="A1:AF1"/>
    <mergeCell ref="C43:AE43"/>
    <mergeCell ref="H26:AE26"/>
    <mergeCell ref="I27:AE27"/>
    <mergeCell ref="I28:AE28"/>
    <mergeCell ref="C29:AE29"/>
    <mergeCell ref="C30:AE30"/>
    <mergeCell ref="H20:AE20"/>
    <mergeCell ref="I21:AE21"/>
    <mergeCell ref="I22:AE22"/>
    <mergeCell ref="C26:G26"/>
    <mergeCell ref="C27:G27"/>
    <mergeCell ref="C28:G28"/>
    <mergeCell ref="C38:G38"/>
    <mergeCell ref="C39:G41"/>
    <mergeCell ref="H39:H41"/>
    <mergeCell ref="C34:G34"/>
    <mergeCell ref="U3:AE3"/>
    <mergeCell ref="U4:AE4"/>
    <mergeCell ref="U5:AE5"/>
    <mergeCell ref="Q3:T3"/>
    <mergeCell ref="Q4:T4"/>
    <mergeCell ref="Q5:T5"/>
    <mergeCell ref="Q6:T6"/>
    <mergeCell ref="AH86:AX87"/>
    <mergeCell ref="C95:AE95"/>
    <mergeCell ref="C17:AE17"/>
    <mergeCell ref="C8:AE8"/>
    <mergeCell ref="H12:AE12"/>
    <mergeCell ref="I13:AE13"/>
    <mergeCell ref="I14:AE14"/>
    <mergeCell ref="I15:AE15"/>
    <mergeCell ref="I16:AE16"/>
    <mergeCell ref="G80:AE80"/>
    <mergeCell ref="H81:AE81"/>
    <mergeCell ref="H82:AE82"/>
    <mergeCell ref="G74:AE74"/>
    <mergeCell ref="H75:AE75"/>
    <mergeCell ref="H76:AE76"/>
    <mergeCell ref="G68:AE68"/>
    <mergeCell ref="H69:AE69"/>
    <mergeCell ref="H70:AE70"/>
    <mergeCell ref="V50:Z50"/>
    <mergeCell ref="C54:I54"/>
    <mergeCell ref="J54:Q54"/>
    <mergeCell ref="R54:U54"/>
    <mergeCell ref="V54:Z54"/>
    <mergeCell ref="AA54:AD54"/>
    <mergeCell ref="U98:X98"/>
    <mergeCell ref="U99:X99"/>
    <mergeCell ref="U100:X100"/>
    <mergeCell ref="U101:X101"/>
    <mergeCell ref="U102:X102"/>
    <mergeCell ref="U103:X103"/>
    <mergeCell ref="U104:X104"/>
    <mergeCell ref="U105:X105"/>
    <mergeCell ref="C98:K98"/>
    <mergeCell ref="L98:T98"/>
    <mergeCell ref="L99:T99"/>
    <mergeCell ref="L100:T100"/>
    <mergeCell ref="L101:T101"/>
    <mergeCell ref="L102:T102"/>
    <mergeCell ref="L103:T103"/>
    <mergeCell ref="L104:T104"/>
    <mergeCell ref="L105:T105"/>
    <mergeCell ref="C99:K99"/>
    <mergeCell ref="C100:K100"/>
    <mergeCell ref="C101:K101"/>
    <mergeCell ref="C102:K102"/>
    <mergeCell ref="C103:K103"/>
    <mergeCell ref="C105:K105"/>
    <mergeCell ref="C104:K104"/>
  </mergeCells>
  <phoneticPr fontId="2"/>
  <conditionalFormatting sqref="C17">
    <cfRule type="expression" dxfId="45" priority="25">
      <formula>$C$16="〇"</formula>
    </cfRule>
    <cfRule type="expression" dxfId="44" priority="27">
      <formula>$C$15="〇"</formula>
    </cfRule>
    <cfRule type="expression" dxfId="43" priority="28">
      <formula>$C$14="〇"</formula>
    </cfRule>
  </conditionalFormatting>
  <conditionalFormatting sqref="C23:AC23">
    <cfRule type="expression" dxfId="42" priority="24">
      <formula>$C$22="〇"</formula>
    </cfRule>
  </conditionalFormatting>
  <conditionalFormatting sqref="C29">
    <cfRule type="expression" dxfId="41" priority="23">
      <formula>$C$28="〇"</formula>
    </cfRule>
  </conditionalFormatting>
  <conditionalFormatting sqref="C71">
    <cfRule type="expression" dxfId="40" priority="22">
      <formula>$C$70="〇"</formula>
    </cfRule>
  </conditionalFormatting>
  <conditionalFormatting sqref="C77">
    <cfRule type="expression" dxfId="39" priority="21">
      <formula>$C$76="〇"</formula>
    </cfRule>
  </conditionalFormatting>
  <conditionalFormatting sqref="C83">
    <cfRule type="expression" dxfId="38" priority="20">
      <formula>$C$82="〇"</formula>
    </cfRule>
  </conditionalFormatting>
  <conditionalFormatting sqref="C13:G16 C27:G28 C35:G35 C39:G41 C45:G47 AA61:AE61 C65:G65 C69:F70 C75:F76 C81:F82 C112 C118 AA134:AE134 C137 C51:AD60 AD99:AD108 C124:C133 I124:I133 N124:N133 Y99:Y108 U99:U108 L99:L108 C99:C108 S124:AD133">
    <cfRule type="expression" dxfId="37" priority="15">
      <formula>$C$22="〇"</formula>
    </cfRule>
  </conditionalFormatting>
  <conditionalFormatting sqref="C13:G16 C21:G22 C27:G28 C35:G35 C39:G41 C45:G47 AA61:AE61 C65:G65 C75:F76 C81:F82 C112 C118 AA134:AE134 C137 C51:AD60 AD99:AD108 C124:C133 I124:I133 N124:N133 Y99:Y108 U99:U108 L99:L108 C99:C108 S124:AD133">
    <cfRule type="expression" dxfId="36" priority="14">
      <formula>$C$70="〇"</formula>
    </cfRule>
  </conditionalFormatting>
  <conditionalFormatting sqref="C13:G16 C21:G22 C27:G28 C35:G35 C39:G41 C45:G47 AA61:AE61 C65:G65 C69:F70 C81:F82 C112 C118 AA134:AE134 C137 C51:AD60 AD99:AD108 C124:C133 I124:I133 N124:N133 Y99:Y108 U99:U108 L99:L108 C99:C108 S124:AD133">
    <cfRule type="expression" dxfId="35" priority="13">
      <formula>$C$76="〇"</formula>
    </cfRule>
  </conditionalFormatting>
  <conditionalFormatting sqref="C13:G16 C21:G22 C27:G28 C35:G35 C39:G41 C45:G47 AA61:AE61 C65:G65 C69:F70 C75:F76 C112 C118 AA134:AE134 C137 C51:AD60 AD99:AD108 C124:C133 I124:I133 N124:N133 Y99:Y108 U99:U108 L99:L108 C99:C108 S124:AD133">
    <cfRule type="expression" dxfId="34" priority="12">
      <formula>$C$82="〇"</formula>
    </cfRule>
  </conditionalFormatting>
  <conditionalFormatting sqref="AE56:AE60">
    <cfRule type="expression" dxfId="33" priority="11">
      <formula>$B$22="〇"</formula>
    </cfRule>
  </conditionalFormatting>
  <conditionalFormatting sqref="AE51:AE55">
    <cfRule type="expression" dxfId="32" priority="10">
      <formula>$B$22="〇"</formula>
    </cfRule>
  </conditionalFormatting>
  <conditionalFormatting sqref="AE129:AE133">
    <cfRule type="expression" dxfId="31" priority="7">
      <formula>$B$22="〇"</formula>
    </cfRule>
  </conditionalFormatting>
  <conditionalFormatting sqref="AE124:AE128">
    <cfRule type="expression" dxfId="30" priority="6">
      <formula>$B$22="〇"</formula>
    </cfRule>
  </conditionalFormatting>
  <conditionalFormatting sqref="C93:C94">
    <cfRule type="expression" dxfId="29" priority="5">
      <formula>$C$82="〇"</formula>
    </cfRule>
  </conditionalFormatting>
  <conditionalFormatting sqref="C91:F92">
    <cfRule type="expression" dxfId="28" priority="4">
      <formula>$C$22="〇"</formula>
    </cfRule>
  </conditionalFormatting>
  <conditionalFormatting sqref="C91:F92">
    <cfRule type="expression" dxfId="27" priority="3">
      <formula>$C$70="〇"</formula>
    </cfRule>
  </conditionalFormatting>
  <conditionalFormatting sqref="C91:F92">
    <cfRule type="expression" dxfId="26" priority="2">
      <formula>$C$76="〇"</formula>
    </cfRule>
  </conditionalFormatting>
  <conditionalFormatting sqref="I35:AE35">
    <cfRule type="expression" dxfId="0" priority="1">
      <formula>$C$35=$AH$35</formula>
    </cfRule>
  </conditionalFormatting>
  <dataValidations count="7">
    <dataValidation type="list" allowBlank="1" showInputMessage="1" showErrorMessage="1" sqref="C27:G27 C69:F69 C13:C16 D13:G13 D16:G16 C75:F75 C21:G21 C81:F81 C91:F91">
      <formula1>"〇"</formula1>
    </dataValidation>
    <dataValidation type="list" allowBlank="1" showInputMessage="1" showErrorMessage="1" promptTitle="注意" prompt="競争的手続き（相見積りや入札など）を行わない場合、補助対象外となります。" sqref="C22:G22">
      <formula1>"〇"</formula1>
    </dataValidation>
    <dataValidation type="list" allowBlank="1" showInputMessage="1" showErrorMessage="1" promptTitle="注意" prompt="申請機器によっては、財産処分制限期間の残年数に応じた補助額の返還が必要となります。" sqref="C28:G28">
      <formula1>"〇"</formula1>
    </dataValidation>
    <dataValidation type="list" allowBlank="1" showInputMessage="1" showErrorMessage="1" promptTitle="注意" prompt="HEPAフィルター付き空気清浄機でない場合は、補助対象外となります。" sqref="C70:F70">
      <formula1>"〇"</formula1>
    </dataValidation>
    <dataValidation type="list" allowBlank="1" showInputMessage="1" showErrorMessage="1" promptTitle="注意" prompt="陰圧対応できない機器は、補助対象外となります。" sqref="C76:F76">
      <formula1>"〇"</formula1>
    </dataValidation>
    <dataValidation type="list" allowBlank="1" showInputMessage="1" showErrorMessage="1" promptTitle="注意" prompt="新興感染症発生・まん延時に陰圧対応しない場合、補助対象外となります。" sqref="C82:F82 C92:F92">
      <formula1>"〇"</formula1>
    </dataValidation>
    <dataValidation type="list" allowBlank="1" showInputMessage="1" showErrorMessage="1" sqref="C35:G35">
      <formula1>$AH$33:$AH$35</formula1>
    </dataValidation>
  </dataValidations>
  <printOptions horizontalCentered="1"/>
  <pageMargins left="0.70866141732283472" right="0.70866141732283472" top="0.74803149606299213" bottom="0.74803149606299213" header="0.31496062992125984" footer="0.31496062992125984"/>
  <pageSetup paperSize="9" scale="77" fitToHeight="4" orientation="portrait" r:id="rId2"/>
  <rowBreaks count="3" manualBreakCount="3">
    <brk id="31" max="31" man="1"/>
    <brk id="84" max="31" man="1"/>
    <brk id="120" max="31" man="1"/>
  </rowBreaks>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66FF"/>
  </sheetPr>
  <dimension ref="A1:R53"/>
  <sheetViews>
    <sheetView showZeros="0" view="pageBreakPreview" zoomScaleNormal="100" zoomScaleSheetLayoutView="100" workbookViewId="0">
      <pane ySplit="1" topLeftCell="A2" activePane="bottomLeft" state="frozen"/>
      <selection activeCell="C47" sqref="C47:D47"/>
      <selection pane="bottomLeft" activeCell="M32" sqref="M32:N32"/>
    </sheetView>
  </sheetViews>
  <sheetFormatPr defaultColWidth="5.125" defaultRowHeight="12"/>
  <cols>
    <col min="1" max="16384" width="5.125" style="304"/>
  </cols>
  <sheetData>
    <row r="1" spans="1:18">
      <c r="A1" s="304" t="s">
        <v>322</v>
      </c>
      <c r="O1" s="950" t="s">
        <v>321</v>
      </c>
      <c r="P1" s="950"/>
      <c r="Q1" s="951" t="s">
        <v>323</v>
      </c>
      <c r="R1" s="951"/>
    </row>
    <row r="2" spans="1:18" ht="24">
      <c r="A2" s="952" t="s">
        <v>320</v>
      </c>
      <c r="B2" s="952"/>
      <c r="C2" s="952"/>
      <c r="D2" s="952"/>
      <c r="E2" s="952"/>
      <c r="F2" s="952"/>
      <c r="G2" s="952"/>
      <c r="H2" s="952"/>
      <c r="I2" s="952"/>
      <c r="J2" s="952"/>
      <c r="K2" s="952"/>
      <c r="L2" s="952"/>
      <c r="M2" s="952"/>
      <c r="N2" s="952"/>
      <c r="O2" s="952"/>
      <c r="P2" s="952"/>
      <c r="Q2" s="952"/>
      <c r="R2" s="952"/>
    </row>
    <row r="4" spans="1:18">
      <c r="A4" s="953" t="s">
        <v>319</v>
      </c>
      <c r="B4" s="954"/>
      <c r="C4" s="955" t="s">
        <v>318</v>
      </c>
      <c r="D4" s="955"/>
      <c r="E4" s="955"/>
      <c r="F4" s="955"/>
      <c r="G4" s="955"/>
      <c r="H4" s="955"/>
      <c r="I4" s="955"/>
      <c r="J4" s="955"/>
      <c r="K4" s="955"/>
      <c r="O4" s="956" t="s">
        <v>317</v>
      </c>
      <c r="P4" s="956"/>
      <c r="Q4" s="957" t="s">
        <v>326</v>
      </c>
      <c r="R4" s="958"/>
    </row>
    <row r="5" spans="1:18" s="320" customFormat="1">
      <c r="A5" s="978" t="s">
        <v>316</v>
      </c>
      <c r="B5" s="979"/>
      <c r="C5" s="396" t="s">
        <v>324</v>
      </c>
      <c r="D5" s="984" t="s">
        <v>315</v>
      </c>
      <c r="E5" s="985"/>
      <c r="F5" s="985"/>
      <c r="G5" s="985"/>
      <c r="H5" s="985"/>
      <c r="I5" s="985"/>
      <c r="J5" s="985"/>
      <c r="K5" s="986"/>
      <c r="O5" s="987" t="s">
        <v>314</v>
      </c>
      <c r="P5" s="988"/>
      <c r="Q5" s="989" t="s">
        <v>325</v>
      </c>
      <c r="R5" s="990"/>
    </row>
    <row r="6" spans="1:18" s="320" customFormat="1">
      <c r="A6" s="980"/>
      <c r="B6" s="981"/>
      <c r="C6" s="396"/>
      <c r="D6" s="984" t="s">
        <v>409</v>
      </c>
      <c r="E6" s="985"/>
      <c r="F6" s="985"/>
      <c r="G6" s="985"/>
      <c r="H6" s="985"/>
      <c r="I6" s="985"/>
      <c r="J6" s="985"/>
      <c r="K6" s="986"/>
      <c r="O6" s="321"/>
      <c r="P6" s="321"/>
      <c r="Q6" s="306"/>
      <c r="R6" s="306"/>
    </row>
    <row r="7" spans="1:18" s="320" customFormat="1">
      <c r="A7" s="980"/>
      <c r="B7" s="981"/>
      <c r="C7" s="396"/>
      <c r="D7" s="984" t="s">
        <v>313</v>
      </c>
      <c r="E7" s="985"/>
      <c r="F7" s="985"/>
      <c r="G7" s="985"/>
      <c r="H7" s="985"/>
      <c r="I7" s="985"/>
      <c r="J7" s="985"/>
      <c r="K7" s="986"/>
      <c r="O7" s="321"/>
      <c r="P7" s="321"/>
      <c r="Q7" s="306"/>
      <c r="R7" s="306"/>
    </row>
    <row r="8" spans="1:18" s="320" customFormat="1">
      <c r="A8" s="982"/>
      <c r="B8" s="983"/>
      <c r="C8" s="396"/>
      <c r="D8" s="984" t="s">
        <v>312</v>
      </c>
      <c r="E8" s="985"/>
      <c r="F8" s="985"/>
      <c r="G8" s="985"/>
      <c r="H8" s="985"/>
      <c r="I8" s="985"/>
      <c r="J8" s="985"/>
      <c r="K8" s="986"/>
      <c r="O8" s="321"/>
      <c r="P8" s="321"/>
      <c r="Q8" s="306"/>
      <c r="R8" s="306"/>
    </row>
    <row r="10" spans="1:18">
      <c r="A10" s="956" t="s">
        <v>311</v>
      </c>
      <c r="B10" s="956"/>
      <c r="C10" s="956"/>
      <c r="D10" s="956"/>
      <c r="E10" s="953" t="s">
        <v>310</v>
      </c>
      <c r="F10" s="959"/>
      <c r="G10" s="959"/>
      <c r="H10" s="959"/>
      <c r="I10" s="959"/>
      <c r="J10" s="959"/>
      <c r="K10" s="954"/>
      <c r="L10" s="953" t="s">
        <v>309</v>
      </c>
      <c r="M10" s="959"/>
      <c r="N10" s="959"/>
      <c r="O10" s="959"/>
      <c r="P10" s="959"/>
      <c r="Q10" s="959"/>
      <c r="R10" s="954"/>
    </row>
    <row r="11" spans="1:18">
      <c r="A11" s="960">
        <f>基礎情報!D6</f>
        <v>0</v>
      </c>
      <c r="B11" s="961"/>
      <c r="C11" s="961"/>
      <c r="D11" s="962"/>
      <c r="E11" s="969">
        <f>基礎情報!D9</f>
        <v>0</v>
      </c>
      <c r="F11" s="970"/>
      <c r="G11" s="970"/>
      <c r="H11" s="970"/>
      <c r="I11" s="970"/>
      <c r="J11" s="970"/>
      <c r="K11" s="971"/>
      <c r="L11" s="969">
        <f>基礎情報!$D$11</f>
        <v>0</v>
      </c>
      <c r="M11" s="970"/>
      <c r="N11" s="970"/>
      <c r="O11" s="970"/>
      <c r="P11" s="970"/>
      <c r="Q11" s="970"/>
      <c r="R11" s="971"/>
    </row>
    <row r="12" spans="1:18">
      <c r="A12" s="963"/>
      <c r="B12" s="964"/>
      <c r="C12" s="964"/>
      <c r="D12" s="965"/>
      <c r="E12" s="972"/>
      <c r="F12" s="973"/>
      <c r="G12" s="973"/>
      <c r="H12" s="973"/>
      <c r="I12" s="973"/>
      <c r="J12" s="973"/>
      <c r="K12" s="974"/>
      <c r="L12" s="972"/>
      <c r="M12" s="973"/>
      <c r="N12" s="973"/>
      <c r="O12" s="973"/>
      <c r="P12" s="973"/>
      <c r="Q12" s="973"/>
      <c r="R12" s="974"/>
    </row>
    <row r="13" spans="1:18">
      <c r="A13" s="966"/>
      <c r="B13" s="967"/>
      <c r="C13" s="967"/>
      <c r="D13" s="968"/>
      <c r="E13" s="975"/>
      <c r="F13" s="976"/>
      <c r="G13" s="976"/>
      <c r="H13" s="976"/>
      <c r="I13" s="976"/>
      <c r="J13" s="976"/>
      <c r="K13" s="977"/>
      <c r="L13" s="975"/>
      <c r="M13" s="976"/>
      <c r="N13" s="976"/>
      <c r="O13" s="976"/>
      <c r="P13" s="976"/>
      <c r="Q13" s="976"/>
      <c r="R13" s="977"/>
    </row>
    <row r="15" spans="1:18" s="315" customFormat="1" ht="18" thickBot="1">
      <c r="A15" s="310" t="s">
        <v>308</v>
      </c>
      <c r="B15" s="314"/>
      <c r="C15" s="314"/>
      <c r="D15" s="314"/>
      <c r="E15" s="314"/>
      <c r="F15" s="314"/>
      <c r="G15" s="314"/>
      <c r="H15" s="314"/>
      <c r="I15" s="314"/>
      <c r="J15" s="314"/>
      <c r="K15" s="314"/>
      <c r="L15" s="319"/>
      <c r="M15" s="319"/>
      <c r="N15" s="318"/>
      <c r="O15" s="318"/>
      <c r="P15" s="317"/>
      <c r="Q15" s="317"/>
      <c r="R15" s="316"/>
    </row>
    <row r="16" spans="1:18" s="315" customFormat="1" ht="12.75" thickBot="1">
      <c r="A16" s="322" t="str">
        <f>IF(基礎情報!D13="〇","〇","")</f>
        <v/>
      </c>
      <c r="B16" s="314" t="s">
        <v>307</v>
      </c>
      <c r="C16" s="314"/>
      <c r="D16" s="314"/>
      <c r="E16" s="314"/>
      <c r="F16" s="314"/>
      <c r="G16" s="314"/>
      <c r="H16" s="314"/>
      <c r="I16" s="314"/>
      <c r="J16" s="322" t="str">
        <f>IF(基礎情報!D16="〇","〇","")</f>
        <v/>
      </c>
      <c r="K16" s="314" t="s">
        <v>81</v>
      </c>
      <c r="L16" s="314"/>
      <c r="M16" s="314"/>
      <c r="N16" s="314"/>
      <c r="O16" s="314"/>
    </row>
    <row r="17" spans="1:18" s="315" customFormat="1" ht="12.75" thickBot="1">
      <c r="A17" s="322" t="str">
        <f>IF(基礎情報!D14="〇","〇","")</f>
        <v/>
      </c>
      <c r="B17" s="314" t="s">
        <v>306</v>
      </c>
      <c r="C17" s="314"/>
      <c r="D17" s="314"/>
      <c r="E17" s="314"/>
      <c r="F17" s="314"/>
      <c r="G17" s="314"/>
      <c r="H17" s="314"/>
      <c r="I17" s="314"/>
      <c r="J17" s="322" t="str">
        <f>IF(基礎情報!D17="〇","〇","")</f>
        <v/>
      </c>
      <c r="K17" s="314" t="s">
        <v>82</v>
      </c>
      <c r="L17" s="314"/>
      <c r="M17" s="314"/>
      <c r="N17" s="314"/>
      <c r="O17" s="314"/>
    </row>
    <row r="18" spans="1:18">
      <c r="A18" s="314"/>
      <c r="B18" s="314"/>
      <c r="C18" s="314"/>
      <c r="D18" s="314"/>
      <c r="E18" s="314"/>
      <c r="F18" s="314"/>
      <c r="G18" s="314"/>
      <c r="H18" s="314"/>
      <c r="I18" s="314"/>
      <c r="J18" s="314"/>
      <c r="K18" s="314"/>
      <c r="L18" s="314"/>
      <c r="M18" s="314"/>
      <c r="N18" s="314"/>
      <c r="O18" s="314"/>
    </row>
    <row r="19" spans="1:18" ht="15" customHeight="1">
      <c r="A19" s="310" t="s">
        <v>305</v>
      </c>
      <c r="B19" s="314"/>
      <c r="C19" s="314"/>
      <c r="D19" s="314"/>
      <c r="E19" s="314"/>
      <c r="F19" s="314"/>
      <c r="G19" s="314"/>
      <c r="H19" s="314"/>
      <c r="I19" s="314"/>
      <c r="J19" s="314"/>
      <c r="K19" s="314"/>
      <c r="L19" s="314"/>
      <c r="M19" s="314"/>
      <c r="N19" s="314"/>
      <c r="O19" s="314"/>
    </row>
    <row r="20" spans="1:18" ht="24" customHeight="1">
      <c r="A20" s="953" t="s">
        <v>304</v>
      </c>
      <c r="B20" s="959"/>
      <c r="C20" s="959"/>
      <c r="D20" s="954"/>
      <c r="E20" s="953" t="s">
        <v>303</v>
      </c>
      <c r="F20" s="954"/>
      <c r="G20" s="953" t="s">
        <v>302</v>
      </c>
      <c r="H20" s="954"/>
      <c r="I20" s="953" t="s">
        <v>301</v>
      </c>
      <c r="J20" s="954"/>
      <c r="K20" s="998" t="s">
        <v>300</v>
      </c>
      <c r="L20" s="999"/>
      <c r="M20" s="998" t="s">
        <v>299</v>
      </c>
      <c r="N20" s="999"/>
      <c r="O20" s="953" t="s">
        <v>298</v>
      </c>
      <c r="P20" s="954"/>
      <c r="Q20" s="953" t="s">
        <v>297</v>
      </c>
      <c r="R20" s="954"/>
    </row>
    <row r="21" spans="1:18" ht="15" customHeight="1">
      <c r="A21" s="312"/>
      <c r="B21" s="313"/>
      <c r="C21" s="313"/>
      <c r="D21" s="311"/>
      <c r="E21" s="312"/>
      <c r="F21" s="311"/>
      <c r="G21" s="312"/>
      <c r="H21" s="311"/>
      <c r="I21" s="312"/>
      <c r="J21" s="311"/>
      <c r="K21" s="312"/>
      <c r="L21" s="311" t="s">
        <v>296</v>
      </c>
      <c r="M21" s="312"/>
      <c r="N21" s="311" t="s">
        <v>296</v>
      </c>
      <c r="O21" s="312"/>
      <c r="P21" s="311"/>
      <c r="Q21" s="312"/>
      <c r="R21" s="311"/>
    </row>
    <row r="22" spans="1:18" s="305" customFormat="1">
      <c r="A22" s="991" t="str">
        <f>IF(I22&gt;0,"簡易陰圧装置","")</f>
        <v/>
      </c>
      <c r="B22" s="992"/>
      <c r="C22" s="992"/>
      <c r="D22" s="993"/>
      <c r="E22" s="991">
        <f>'確認書（陰圧）'!B47</f>
        <v>0</v>
      </c>
      <c r="F22" s="993"/>
      <c r="G22" s="991">
        <f>'確認書（陰圧）'!C47</f>
        <v>0</v>
      </c>
      <c r="H22" s="993"/>
      <c r="I22" s="994">
        <f>'確認書（陰圧）'!E47</f>
        <v>0</v>
      </c>
      <c r="J22" s="995"/>
      <c r="K22" s="994">
        <f>'確認書（陰圧）'!F47</f>
        <v>0</v>
      </c>
      <c r="L22" s="995"/>
      <c r="M22" s="996">
        <f t="shared" ref="M22:M31" si="0">I22*K22</f>
        <v>0</v>
      </c>
      <c r="N22" s="997"/>
      <c r="O22" s="994">
        <f>'確認書（陰圧）'!H47</f>
        <v>0</v>
      </c>
      <c r="P22" s="995"/>
      <c r="Q22" s="994" t="str">
        <f>IF(I22&gt;0,'確認書（陰圧）'!$B$35,"")</f>
        <v/>
      </c>
      <c r="R22" s="995"/>
    </row>
    <row r="23" spans="1:18" s="305" customFormat="1">
      <c r="A23" s="991" t="str">
        <f t="shared" ref="A23:A26" si="1">IF(I23&gt;0,"簡易陰圧装置","")</f>
        <v/>
      </c>
      <c r="B23" s="992"/>
      <c r="C23" s="992"/>
      <c r="D23" s="993"/>
      <c r="E23" s="991">
        <f>'確認書（陰圧）'!B48</f>
        <v>0</v>
      </c>
      <c r="F23" s="993"/>
      <c r="G23" s="991">
        <f>'確認書（陰圧）'!C48</f>
        <v>0</v>
      </c>
      <c r="H23" s="993"/>
      <c r="I23" s="994">
        <f>'確認書（陰圧）'!E48</f>
        <v>0</v>
      </c>
      <c r="J23" s="995"/>
      <c r="K23" s="994">
        <f>'確認書（陰圧）'!F48</f>
        <v>0</v>
      </c>
      <c r="L23" s="995"/>
      <c r="M23" s="996">
        <f t="shared" si="0"/>
        <v>0</v>
      </c>
      <c r="N23" s="997"/>
      <c r="O23" s="994">
        <f>'確認書（陰圧）'!H48</f>
        <v>0</v>
      </c>
      <c r="P23" s="995"/>
      <c r="Q23" s="994" t="str">
        <f>IF(I23&gt;0,'確認書（陰圧）'!$B$35,"")</f>
        <v/>
      </c>
      <c r="R23" s="995"/>
    </row>
    <row r="24" spans="1:18" s="305" customFormat="1">
      <c r="A24" s="991" t="str">
        <f t="shared" si="1"/>
        <v/>
      </c>
      <c r="B24" s="992"/>
      <c r="C24" s="992"/>
      <c r="D24" s="993"/>
      <c r="E24" s="991">
        <f>'確認書（陰圧）'!B49</f>
        <v>0</v>
      </c>
      <c r="F24" s="993"/>
      <c r="G24" s="991">
        <f>'確認書（陰圧）'!C49</f>
        <v>0</v>
      </c>
      <c r="H24" s="993"/>
      <c r="I24" s="994">
        <f>'確認書（陰圧）'!E49</f>
        <v>0</v>
      </c>
      <c r="J24" s="995"/>
      <c r="K24" s="994">
        <f>'確認書（陰圧）'!F49</f>
        <v>0</v>
      </c>
      <c r="L24" s="995"/>
      <c r="M24" s="996">
        <f t="shared" si="0"/>
        <v>0</v>
      </c>
      <c r="N24" s="997"/>
      <c r="O24" s="994">
        <f>'確認書（陰圧）'!H49</f>
        <v>0</v>
      </c>
      <c r="P24" s="995"/>
      <c r="Q24" s="994" t="str">
        <f>IF(I24&gt;0,'確認書（陰圧）'!$B$35,"")</f>
        <v/>
      </c>
      <c r="R24" s="995"/>
    </row>
    <row r="25" spans="1:18" s="305" customFormat="1" ht="13.5" customHeight="1">
      <c r="A25" s="991" t="str">
        <f t="shared" si="1"/>
        <v/>
      </c>
      <c r="B25" s="992"/>
      <c r="C25" s="992"/>
      <c r="D25" s="993"/>
      <c r="E25" s="991">
        <f>'確認書（陰圧）'!B50</f>
        <v>0</v>
      </c>
      <c r="F25" s="993"/>
      <c r="G25" s="991">
        <f>'確認書（陰圧）'!C50</f>
        <v>0</v>
      </c>
      <c r="H25" s="993"/>
      <c r="I25" s="994">
        <f>'確認書（陰圧）'!E50</f>
        <v>0</v>
      </c>
      <c r="J25" s="995"/>
      <c r="K25" s="994">
        <f>'確認書（陰圧）'!F50</f>
        <v>0</v>
      </c>
      <c r="L25" s="995"/>
      <c r="M25" s="996">
        <f t="shared" si="0"/>
        <v>0</v>
      </c>
      <c r="N25" s="997"/>
      <c r="O25" s="994">
        <f>'確認書（陰圧）'!H50</f>
        <v>0</v>
      </c>
      <c r="P25" s="995"/>
      <c r="Q25" s="994" t="str">
        <f>IF(I25&gt;0,'確認書（陰圧）'!$B$35,"")</f>
        <v/>
      </c>
      <c r="R25" s="995"/>
    </row>
    <row r="26" spans="1:18" s="305" customFormat="1" ht="12" customHeight="1">
      <c r="A26" s="991" t="str">
        <f t="shared" si="1"/>
        <v/>
      </c>
      <c r="B26" s="992"/>
      <c r="C26" s="992"/>
      <c r="D26" s="993"/>
      <c r="E26" s="991">
        <f>'確認書（陰圧）'!B51</f>
        <v>0</v>
      </c>
      <c r="F26" s="993"/>
      <c r="G26" s="991">
        <f>'確認書（陰圧）'!C51</f>
        <v>0</v>
      </c>
      <c r="H26" s="993"/>
      <c r="I26" s="994">
        <f>'確認書（陰圧）'!E51</f>
        <v>0</v>
      </c>
      <c r="J26" s="995"/>
      <c r="K26" s="994">
        <f>'確認書（陰圧）'!F51</f>
        <v>0</v>
      </c>
      <c r="L26" s="995"/>
      <c r="M26" s="996">
        <f t="shared" si="0"/>
        <v>0</v>
      </c>
      <c r="N26" s="997"/>
      <c r="O26" s="994">
        <f>'確認書（陰圧）'!H51</f>
        <v>0</v>
      </c>
      <c r="P26" s="995"/>
      <c r="Q26" s="994" t="str">
        <f>IF(I26&gt;0,'確認書（陰圧）'!$B$35,"")</f>
        <v/>
      </c>
      <c r="R26" s="995"/>
    </row>
    <row r="27" spans="1:18" s="305" customFormat="1" ht="13.5" customHeight="1">
      <c r="A27" s="991">
        <f>'確認書（陰圧）'!B101</f>
        <v>0</v>
      </c>
      <c r="B27" s="992"/>
      <c r="C27" s="992"/>
      <c r="D27" s="993"/>
      <c r="E27" s="991">
        <f>'確認書（陰圧）'!C101</f>
        <v>0</v>
      </c>
      <c r="F27" s="993"/>
      <c r="G27" s="991">
        <f>'確認書（陰圧）'!D101</f>
        <v>0</v>
      </c>
      <c r="H27" s="993"/>
      <c r="I27" s="994">
        <f>'確認書（陰圧）'!E101</f>
        <v>0</v>
      </c>
      <c r="J27" s="995"/>
      <c r="K27" s="994">
        <f>'確認書（陰圧）'!F101</f>
        <v>0</v>
      </c>
      <c r="L27" s="995"/>
      <c r="M27" s="996">
        <f t="shared" si="0"/>
        <v>0</v>
      </c>
      <c r="N27" s="997"/>
      <c r="O27" s="994">
        <f>'確認書（陰圧）'!H101</f>
        <v>0</v>
      </c>
      <c r="P27" s="995"/>
      <c r="Q27" s="994" t="str">
        <f>IF(I27&gt;0,'確認書（陰圧）'!$B$35,"")</f>
        <v/>
      </c>
      <c r="R27" s="995"/>
    </row>
    <row r="28" spans="1:18" s="305" customFormat="1" ht="13.5" customHeight="1">
      <c r="A28" s="991">
        <f>'確認書（陰圧）'!B102</f>
        <v>0</v>
      </c>
      <c r="B28" s="992"/>
      <c r="C28" s="992"/>
      <c r="D28" s="993"/>
      <c r="E28" s="991">
        <f>'確認書（陰圧）'!C102</f>
        <v>0</v>
      </c>
      <c r="F28" s="993"/>
      <c r="G28" s="991">
        <f>'確認書（陰圧）'!D102</f>
        <v>0</v>
      </c>
      <c r="H28" s="993"/>
      <c r="I28" s="994">
        <f>'確認書（陰圧）'!E102</f>
        <v>0</v>
      </c>
      <c r="J28" s="995"/>
      <c r="K28" s="994">
        <f>'確認書（陰圧）'!F102</f>
        <v>0</v>
      </c>
      <c r="L28" s="995"/>
      <c r="M28" s="996">
        <f t="shared" si="0"/>
        <v>0</v>
      </c>
      <c r="N28" s="997"/>
      <c r="O28" s="994">
        <f>'確認書（陰圧）'!H102</f>
        <v>0</v>
      </c>
      <c r="P28" s="995"/>
      <c r="Q28" s="994" t="str">
        <f>IF(I28&gt;0,'確認書（陰圧）'!$B$35,"")</f>
        <v/>
      </c>
      <c r="R28" s="995"/>
    </row>
    <row r="29" spans="1:18" s="305" customFormat="1" ht="13.5" customHeight="1">
      <c r="A29" s="991">
        <f>'確認書（陰圧）'!B103</f>
        <v>0</v>
      </c>
      <c r="B29" s="992"/>
      <c r="C29" s="992"/>
      <c r="D29" s="993"/>
      <c r="E29" s="991">
        <f>'確認書（陰圧）'!C103</f>
        <v>0</v>
      </c>
      <c r="F29" s="993"/>
      <c r="G29" s="991">
        <f>'確認書（陰圧）'!D103</f>
        <v>0</v>
      </c>
      <c r="H29" s="993"/>
      <c r="I29" s="994">
        <f>'確認書（陰圧）'!E103</f>
        <v>0</v>
      </c>
      <c r="J29" s="995"/>
      <c r="K29" s="994">
        <f>'確認書（陰圧）'!F103</f>
        <v>0</v>
      </c>
      <c r="L29" s="995"/>
      <c r="M29" s="996">
        <f t="shared" si="0"/>
        <v>0</v>
      </c>
      <c r="N29" s="997"/>
      <c r="O29" s="994">
        <f>'確認書（陰圧）'!H103</f>
        <v>0</v>
      </c>
      <c r="P29" s="995"/>
      <c r="Q29" s="994" t="str">
        <f>IF(I29&gt;0,'確認書（陰圧）'!$B$35,"")</f>
        <v/>
      </c>
      <c r="R29" s="995"/>
    </row>
    <row r="30" spans="1:18" s="305" customFormat="1" ht="13.5" customHeight="1">
      <c r="A30" s="991">
        <f>'確認書（陰圧）'!B104</f>
        <v>0</v>
      </c>
      <c r="B30" s="992"/>
      <c r="C30" s="992"/>
      <c r="D30" s="993"/>
      <c r="E30" s="991">
        <f>'確認書（陰圧）'!C104</f>
        <v>0</v>
      </c>
      <c r="F30" s="993"/>
      <c r="G30" s="991">
        <f>'確認書（陰圧）'!D104</f>
        <v>0</v>
      </c>
      <c r="H30" s="993"/>
      <c r="I30" s="994">
        <f>'確認書（陰圧）'!E104</f>
        <v>0</v>
      </c>
      <c r="J30" s="995"/>
      <c r="K30" s="994">
        <f>'確認書（陰圧）'!F104</f>
        <v>0</v>
      </c>
      <c r="L30" s="995"/>
      <c r="M30" s="996">
        <f t="shared" si="0"/>
        <v>0</v>
      </c>
      <c r="N30" s="997"/>
      <c r="O30" s="994">
        <f>'確認書（陰圧）'!H104</f>
        <v>0</v>
      </c>
      <c r="P30" s="995"/>
      <c r="Q30" s="994" t="str">
        <f>IF(I30&gt;0,'確認書（陰圧）'!$B$35,"")</f>
        <v/>
      </c>
      <c r="R30" s="995"/>
    </row>
    <row r="31" spans="1:18" s="305" customFormat="1" ht="13.5" customHeight="1">
      <c r="A31" s="1011">
        <f>'確認書（陰圧）'!B105</f>
        <v>0</v>
      </c>
      <c r="B31" s="1012"/>
      <c r="C31" s="1012"/>
      <c r="D31" s="1013"/>
      <c r="E31" s="1011">
        <f>'確認書（陰圧）'!C105</f>
        <v>0</v>
      </c>
      <c r="F31" s="1013"/>
      <c r="G31" s="1011">
        <f>'確認書（陰圧）'!D105</f>
        <v>0</v>
      </c>
      <c r="H31" s="1013"/>
      <c r="I31" s="1006">
        <f>'確認書（陰圧）'!E105</f>
        <v>0</v>
      </c>
      <c r="J31" s="1007"/>
      <c r="K31" s="1006">
        <f>'確認書（陰圧）'!F105</f>
        <v>0</v>
      </c>
      <c r="L31" s="1007"/>
      <c r="M31" s="1014">
        <f t="shared" si="0"/>
        <v>0</v>
      </c>
      <c r="N31" s="1015"/>
      <c r="O31" s="1006">
        <f>'確認書（陰圧）'!H105</f>
        <v>0</v>
      </c>
      <c r="P31" s="1007"/>
      <c r="Q31" s="1006" t="str">
        <f>IF(I31&gt;0,'確認書（陰圧）'!$B$35,"")</f>
        <v/>
      </c>
      <c r="R31" s="1007"/>
    </row>
    <row r="32" spans="1:18" s="305" customFormat="1" ht="13.5" customHeight="1">
      <c r="A32" s="1008"/>
      <c r="B32" s="1009"/>
      <c r="C32" s="1009"/>
      <c r="D32" s="1010"/>
      <c r="E32" s="1008"/>
      <c r="F32" s="1010"/>
      <c r="G32" s="1008"/>
      <c r="H32" s="1010"/>
      <c r="I32" s="1008"/>
      <c r="J32" s="1010"/>
      <c r="K32" s="1008" t="s">
        <v>295</v>
      </c>
      <c r="L32" s="1010"/>
      <c r="M32" s="1008">
        <f>SUBTOTAL(109,M22:N31)</f>
        <v>0</v>
      </c>
      <c r="N32" s="1010"/>
      <c r="O32" s="1008"/>
      <c r="P32" s="1010"/>
      <c r="Q32" s="1008"/>
      <c r="R32" s="1010"/>
    </row>
    <row r="34" spans="1:18" ht="17.25">
      <c r="A34" s="310" t="s">
        <v>294</v>
      </c>
    </row>
    <row r="35" spans="1:18">
      <c r="A35" s="309" t="s">
        <v>293</v>
      </c>
      <c r="B35" s="308"/>
      <c r="C35" s="308"/>
      <c r="D35" s="308"/>
      <c r="E35" s="308"/>
      <c r="F35" s="308"/>
      <c r="G35" s="308"/>
      <c r="H35" s="308"/>
      <c r="I35" s="308"/>
      <c r="J35" s="308"/>
      <c r="K35" s="308"/>
      <c r="L35" s="308"/>
      <c r="M35" s="308"/>
      <c r="N35" s="308"/>
      <c r="O35" s="308"/>
      <c r="P35" s="308"/>
      <c r="Q35" s="308"/>
      <c r="R35" s="307"/>
    </row>
    <row r="36" spans="1:18">
      <c r="A36" s="1000">
        <f>'確認書（陰圧）'!$B$80</f>
        <v>0</v>
      </c>
      <c r="B36" s="1001"/>
      <c r="C36" s="1001"/>
      <c r="D36" s="1001"/>
      <c r="E36" s="1001"/>
      <c r="F36" s="1001"/>
      <c r="G36" s="1001"/>
      <c r="H36" s="1001"/>
      <c r="I36" s="1001"/>
      <c r="J36" s="1001"/>
      <c r="K36" s="1001"/>
      <c r="L36" s="1001"/>
      <c r="M36" s="1001"/>
      <c r="N36" s="1001"/>
      <c r="O36" s="1001"/>
      <c r="P36" s="1001"/>
      <c r="Q36" s="1001"/>
      <c r="R36" s="1002"/>
    </row>
    <row r="37" spans="1:18">
      <c r="A37" s="1000"/>
      <c r="B37" s="1001"/>
      <c r="C37" s="1001"/>
      <c r="D37" s="1001"/>
      <c r="E37" s="1001"/>
      <c r="F37" s="1001"/>
      <c r="G37" s="1001"/>
      <c r="H37" s="1001"/>
      <c r="I37" s="1001"/>
      <c r="J37" s="1001"/>
      <c r="K37" s="1001"/>
      <c r="L37" s="1001"/>
      <c r="M37" s="1001"/>
      <c r="N37" s="1001"/>
      <c r="O37" s="1001"/>
      <c r="P37" s="1001"/>
      <c r="Q37" s="1001"/>
      <c r="R37" s="1002"/>
    </row>
    <row r="38" spans="1:18">
      <c r="A38" s="1000"/>
      <c r="B38" s="1001"/>
      <c r="C38" s="1001"/>
      <c r="D38" s="1001"/>
      <c r="E38" s="1001"/>
      <c r="F38" s="1001"/>
      <c r="G38" s="1001"/>
      <c r="H38" s="1001"/>
      <c r="I38" s="1001"/>
      <c r="J38" s="1001"/>
      <c r="K38" s="1001"/>
      <c r="L38" s="1001"/>
      <c r="M38" s="1001"/>
      <c r="N38" s="1001"/>
      <c r="O38" s="1001"/>
      <c r="P38" s="1001"/>
      <c r="Q38" s="1001"/>
      <c r="R38" s="1002"/>
    </row>
    <row r="39" spans="1:18">
      <c r="A39" s="1000"/>
      <c r="B39" s="1001"/>
      <c r="C39" s="1001"/>
      <c r="D39" s="1001"/>
      <c r="E39" s="1001"/>
      <c r="F39" s="1001"/>
      <c r="G39" s="1001"/>
      <c r="H39" s="1001"/>
      <c r="I39" s="1001"/>
      <c r="J39" s="1001"/>
      <c r="K39" s="1001"/>
      <c r="L39" s="1001"/>
      <c r="M39" s="1001"/>
      <c r="N39" s="1001"/>
      <c r="O39" s="1001"/>
      <c r="P39" s="1001"/>
      <c r="Q39" s="1001"/>
      <c r="R39" s="1002"/>
    </row>
    <row r="40" spans="1:18">
      <c r="A40" s="1000"/>
      <c r="B40" s="1001"/>
      <c r="C40" s="1001"/>
      <c r="D40" s="1001"/>
      <c r="E40" s="1001"/>
      <c r="F40" s="1001"/>
      <c r="G40" s="1001"/>
      <c r="H40" s="1001"/>
      <c r="I40" s="1001"/>
      <c r="J40" s="1001"/>
      <c r="K40" s="1001"/>
      <c r="L40" s="1001"/>
      <c r="M40" s="1001"/>
      <c r="N40" s="1001"/>
      <c r="O40" s="1001"/>
      <c r="P40" s="1001"/>
      <c r="Q40" s="1001"/>
      <c r="R40" s="1002"/>
    </row>
    <row r="41" spans="1:18">
      <c r="A41" s="1000"/>
      <c r="B41" s="1001"/>
      <c r="C41" s="1001"/>
      <c r="D41" s="1001"/>
      <c r="E41" s="1001"/>
      <c r="F41" s="1001"/>
      <c r="G41" s="1001"/>
      <c r="H41" s="1001"/>
      <c r="I41" s="1001"/>
      <c r="J41" s="1001"/>
      <c r="K41" s="1001"/>
      <c r="L41" s="1001"/>
      <c r="M41" s="1001"/>
      <c r="N41" s="1001"/>
      <c r="O41" s="1001"/>
      <c r="P41" s="1001"/>
      <c r="Q41" s="1001"/>
      <c r="R41" s="1002"/>
    </row>
    <row r="42" spans="1:18">
      <c r="A42" s="1000"/>
      <c r="B42" s="1001"/>
      <c r="C42" s="1001"/>
      <c r="D42" s="1001"/>
      <c r="E42" s="1001"/>
      <c r="F42" s="1001"/>
      <c r="G42" s="1001"/>
      <c r="H42" s="1001"/>
      <c r="I42" s="1001"/>
      <c r="J42" s="1001"/>
      <c r="K42" s="1001"/>
      <c r="L42" s="1001"/>
      <c r="M42" s="1001"/>
      <c r="N42" s="1001"/>
      <c r="O42" s="1001"/>
      <c r="P42" s="1001"/>
      <c r="Q42" s="1001"/>
      <c r="R42" s="1002"/>
    </row>
    <row r="43" spans="1:18">
      <c r="A43" s="1000"/>
      <c r="B43" s="1001"/>
      <c r="C43" s="1001"/>
      <c r="D43" s="1001"/>
      <c r="E43" s="1001"/>
      <c r="F43" s="1001"/>
      <c r="G43" s="1001"/>
      <c r="H43" s="1001"/>
      <c r="I43" s="1001"/>
      <c r="J43" s="1001"/>
      <c r="K43" s="1001"/>
      <c r="L43" s="1001"/>
      <c r="M43" s="1001"/>
      <c r="N43" s="1001"/>
      <c r="O43" s="1001"/>
      <c r="P43" s="1001"/>
      <c r="Q43" s="1001"/>
      <c r="R43" s="1002"/>
    </row>
    <row r="44" spans="1:18">
      <c r="A44" s="1003"/>
      <c r="B44" s="1004"/>
      <c r="C44" s="1004"/>
      <c r="D44" s="1004"/>
      <c r="E44" s="1004"/>
      <c r="F44" s="1004"/>
      <c r="G44" s="1004"/>
      <c r="H44" s="1004"/>
      <c r="I44" s="1004"/>
      <c r="J44" s="1004"/>
      <c r="K44" s="1004"/>
      <c r="L44" s="1004"/>
      <c r="M44" s="1004"/>
      <c r="N44" s="1004"/>
      <c r="O44" s="1004"/>
      <c r="P44" s="1004"/>
      <c r="Q44" s="1004"/>
      <c r="R44" s="1005"/>
    </row>
    <row r="45" spans="1:18">
      <c r="A45" s="306"/>
      <c r="B45" s="306"/>
      <c r="C45" s="306"/>
      <c r="D45" s="306"/>
      <c r="E45" s="306"/>
      <c r="F45" s="306"/>
      <c r="G45" s="306"/>
      <c r="H45" s="306"/>
      <c r="I45" s="306"/>
      <c r="J45" s="306"/>
      <c r="K45" s="306"/>
      <c r="L45" s="306"/>
      <c r="M45" s="306"/>
      <c r="N45" s="306"/>
      <c r="O45" s="306"/>
      <c r="P45" s="306"/>
      <c r="Q45" s="306"/>
      <c r="R45" s="306"/>
    </row>
    <row r="46" spans="1:18">
      <c r="R46" s="305"/>
    </row>
    <row r="47" spans="1:18">
      <c r="R47" s="305"/>
    </row>
    <row r="48" spans="1:18">
      <c r="A48" s="304" t="s">
        <v>292</v>
      </c>
    </row>
    <row r="49" spans="1:1">
      <c r="A49" s="304" t="s">
        <v>291</v>
      </c>
    </row>
    <row r="50" spans="1:1">
      <c r="A50" s="304" t="s">
        <v>290</v>
      </c>
    </row>
    <row r="51" spans="1:1">
      <c r="A51" s="304" t="s">
        <v>289</v>
      </c>
    </row>
    <row r="52" spans="1:1">
      <c r="A52" s="304" t="s">
        <v>288</v>
      </c>
    </row>
    <row r="53" spans="1:1">
      <c r="A53" s="304" t="s">
        <v>287</v>
      </c>
    </row>
  </sheetData>
  <sheetProtection algorithmName="SHA-512" hashValue="GSAvueEMwn1O41rJrde8i72dV+4pV8IRchamanpLlCWj6UVe7aLJFyPY7ysYIgYv5I9fjq+44G/OfznQ5Gt73g==" saltValue="46VMnLJEmjZK7JauCjD0kQ==" spinCount="100000" sheet="1" objects="1" scenarios="1"/>
  <mergeCells count="117">
    <mergeCell ref="A36:R44"/>
    <mergeCell ref="O31:P31"/>
    <mergeCell ref="Q31:R31"/>
    <mergeCell ref="A32:D32"/>
    <mergeCell ref="E32:F32"/>
    <mergeCell ref="G32:H32"/>
    <mergeCell ref="I32:J32"/>
    <mergeCell ref="K32:L32"/>
    <mergeCell ref="M32:N32"/>
    <mergeCell ref="O32:P32"/>
    <mergeCell ref="Q32:R32"/>
    <mergeCell ref="A31:D31"/>
    <mergeCell ref="E31:F31"/>
    <mergeCell ref="G31:H31"/>
    <mergeCell ref="I31:J31"/>
    <mergeCell ref="K31:L31"/>
    <mergeCell ref="M31:N31"/>
    <mergeCell ref="O29:P29"/>
    <mergeCell ref="Q29:R29"/>
    <mergeCell ref="A30:D30"/>
    <mergeCell ref="E30:F30"/>
    <mergeCell ref="G30:H30"/>
    <mergeCell ref="I30:J30"/>
    <mergeCell ref="K30:L30"/>
    <mergeCell ref="M30:N30"/>
    <mergeCell ref="O30:P30"/>
    <mergeCell ref="Q30:R30"/>
    <mergeCell ref="A29:D29"/>
    <mergeCell ref="E29:F29"/>
    <mergeCell ref="G29:H29"/>
    <mergeCell ref="I29:J29"/>
    <mergeCell ref="K29:L29"/>
    <mergeCell ref="M29:N29"/>
    <mergeCell ref="O27:P27"/>
    <mergeCell ref="Q27:R27"/>
    <mergeCell ref="A28:D28"/>
    <mergeCell ref="E28:F28"/>
    <mergeCell ref="G28:H28"/>
    <mergeCell ref="I28:J28"/>
    <mergeCell ref="K28:L28"/>
    <mergeCell ref="M28:N28"/>
    <mergeCell ref="O28:P28"/>
    <mergeCell ref="Q28:R28"/>
    <mergeCell ref="A27:D27"/>
    <mergeCell ref="E27:F27"/>
    <mergeCell ref="G27:H27"/>
    <mergeCell ref="I27:J27"/>
    <mergeCell ref="K27:L27"/>
    <mergeCell ref="M27:N27"/>
    <mergeCell ref="O25:P25"/>
    <mergeCell ref="Q25:R25"/>
    <mergeCell ref="A26:D26"/>
    <mergeCell ref="E26:F26"/>
    <mergeCell ref="G26:H26"/>
    <mergeCell ref="I26:J26"/>
    <mergeCell ref="K26:L26"/>
    <mergeCell ref="M26:N26"/>
    <mergeCell ref="O26:P26"/>
    <mergeCell ref="Q26:R26"/>
    <mergeCell ref="A25:D25"/>
    <mergeCell ref="E25:F25"/>
    <mergeCell ref="G25:H25"/>
    <mergeCell ref="I25:J25"/>
    <mergeCell ref="K25:L25"/>
    <mergeCell ref="M25:N25"/>
    <mergeCell ref="O23:P23"/>
    <mergeCell ref="Q23:R23"/>
    <mergeCell ref="A24:D24"/>
    <mergeCell ref="E24:F24"/>
    <mergeCell ref="G24:H24"/>
    <mergeCell ref="I24:J24"/>
    <mergeCell ref="K24:L24"/>
    <mergeCell ref="M24:N24"/>
    <mergeCell ref="O24:P24"/>
    <mergeCell ref="Q24:R24"/>
    <mergeCell ref="A23:D23"/>
    <mergeCell ref="E23:F23"/>
    <mergeCell ref="G23:H23"/>
    <mergeCell ref="I23:J23"/>
    <mergeCell ref="K23:L23"/>
    <mergeCell ref="M23:N23"/>
    <mergeCell ref="O20:P20"/>
    <mergeCell ref="Q20:R20"/>
    <mergeCell ref="A22:D22"/>
    <mergeCell ref="E22:F22"/>
    <mergeCell ref="G22:H22"/>
    <mergeCell ref="I22:J22"/>
    <mergeCell ref="K22:L22"/>
    <mergeCell ref="M22:N22"/>
    <mergeCell ref="O22:P22"/>
    <mergeCell ref="Q22:R22"/>
    <mergeCell ref="A20:D20"/>
    <mergeCell ref="E20:F20"/>
    <mergeCell ref="G20:H20"/>
    <mergeCell ref="I20:J20"/>
    <mergeCell ref="K20:L20"/>
    <mergeCell ref="M20:N20"/>
    <mergeCell ref="A11:D13"/>
    <mergeCell ref="E11:K13"/>
    <mergeCell ref="L11:R13"/>
    <mergeCell ref="A5:B8"/>
    <mergeCell ref="D5:K5"/>
    <mergeCell ref="O5:P5"/>
    <mergeCell ref="Q5:R5"/>
    <mergeCell ref="D6:K6"/>
    <mergeCell ref="D7:K7"/>
    <mergeCell ref="D8:K8"/>
    <mergeCell ref="O1:P1"/>
    <mergeCell ref="Q1:R1"/>
    <mergeCell ref="A2:R2"/>
    <mergeCell ref="A4:B4"/>
    <mergeCell ref="C4:K4"/>
    <mergeCell ref="O4:P4"/>
    <mergeCell ref="Q4:R4"/>
    <mergeCell ref="A10:D10"/>
    <mergeCell ref="E10:K10"/>
    <mergeCell ref="L10:R10"/>
  </mergeCells>
  <phoneticPr fontId="2"/>
  <dataValidations count="5">
    <dataValidation type="list" allowBlank="1" showInputMessage="1" showErrorMessage="1" sqref="C5:C8">
      <formula1>"〇"</formula1>
    </dataValidation>
    <dataValidation type="list" allowBlank="1" showInputMessage="1" showErrorMessage="1" sqref="J17">
      <formula1>"○"</formula1>
    </dataValidation>
    <dataValidation type="list" allowBlank="1" showInputMessage="1" showErrorMessage="1" sqref="Q5:R5">
      <formula1>"1.事業計画書,2.実績報告書"</formula1>
    </dataValidation>
    <dataValidation type="list" allowBlank="1" showInputMessage="1" showErrorMessage="1" sqref="J16">
      <formula1>"○"</formula1>
    </dataValidation>
    <dataValidation type="list" allowBlank="1" showInputMessage="1" showErrorMessage="1" sqref="A16:A17">
      <formula1>"○"</formula1>
    </dataValidation>
  </dataValidations>
  <printOptions horizontalCentered="1"/>
  <pageMargins left="0.59055118110236227" right="0.59055118110236227" top="0.59055118110236227" bottom="0.59055118110236227" header="0.39370078740157483" footer="0.39370078740157483"/>
  <pageSetup paperSize="9" scale="89" orientation="portrait" blackAndWhite="1" r:id="rId1"/>
  <headerFooter>
    <oddFooter>&amp;C&amp;"ＭＳ ゴシック,標準"&amp;10&amp;P</oddFooter>
  </headerFooter>
  <rowBreaks count="1" manualBreakCount="1">
    <brk id="47" max="17" man="1"/>
  </rowBreaks>
  <legacyDrawing r:id="rId2"/>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66FF"/>
  </sheetPr>
  <dimension ref="A1:R53"/>
  <sheetViews>
    <sheetView showZeros="0" view="pageBreakPreview" zoomScaleNormal="100" zoomScaleSheetLayoutView="100" workbookViewId="0">
      <pane ySplit="1" topLeftCell="A2" activePane="bottomLeft" state="frozen"/>
      <selection activeCell="C47" sqref="C47:D47"/>
      <selection pane="bottomLeft" activeCell="AA44" sqref="AA44"/>
    </sheetView>
  </sheetViews>
  <sheetFormatPr defaultColWidth="5.125" defaultRowHeight="12"/>
  <cols>
    <col min="1" max="16384" width="5.125" style="304"/>
  </cols>
  <sheetData>
    <row r="1" spans="1:18">
      <c r="A1" s="304" t="s">
        <v>322</v>
      </c>
      <c r="O1" s="950" t="s">
        <v>321</v>
      </c>
      <c r="P1" s="950"/>
      <c r="Q1" s="951" t="s">
        <v>323</v>
      </c>
      <c r="R1" s="951"/>
    </row>
    <row r="2" spans="1:18" ht="24">
      <c r="A2" s="952" t="s">
        <v>320</v>
      </c>
      <c r="B2" s="952"/>
      <c r="C2" s="952"/>
      <c r="D2" s="952"/>
      <c r="E2" s="952"/>
      <c r="F2" s="952"/>
      <c r="G2" s="952"/>
      <c r="H2" s="952"/>
      <c r="I2" s="952"/>
      <c r="J2" s="952"/>
      <c r="K2" s="952"/>
      <c r="L2" s="952"/>
      <c r="M2" s="952"/>
      <c r="N2" s="952"/>
      <c r="O2" s="952"/>
      <c r="P2" s="952"/>
      <c r="Q2" s="952"/>
      <c r="R2" s="952"/>
    </row>
    <row r="4" spans="1:18">
      <c r="A4" s="953" t="s">
        <v>319</v>
      </c>
      <c r="B4" s="954"/>
      <c r="C4" s="955" t="s">
        <v>318</v>
      </c>
      <c r="D4" s="955"/>
      <c r="E4" s="955"/>
      <c r="F4" s="955"/>
      <c r="G4" s="955"/>
      <c r="H4" s="955"/>
      <c r="I4" s="955"/>
      <c r="J4" s="955"/>
      <c r="K4" s="955"/>
      <c r="O4" s="956" t="s">
        <v>317</v>
      </c>
      <c r="P4" s="956"/>
      <c r="Q4" s="957" t="s">
        <v>326</v>
      </c>
      <c r="R4" s="958"/>
    </row>
    <row r="5" spans="1:18" s="320" customFormat="1">
      <c r="A5" s="978" t="s">
        <v>316</v>
      </c>
      <c r="B5" s="979"/>
      <c r="C5" s="396"/>
      <c r="D5" s="984" t="s">
        <v>315</v>
      </c>
      <c r="E5" s="985"/>
      <c r="F5" s="985"/>
      <c r="G5" s="985"/>
      <c r="H5" s="985"/>
      <c r="I5" s="985"/>
      <c r="J5" s="985"/>
      <c r="K5" s="986"/>
      <c r="O5" s="987" t="s">
        <v>314</v>
      </c>
      <c r="P5" s="988"/>
      <c r="Q5" s="989" t="s">
        <v>325</v>
      </c>
      <c r="R5" s="990"/>
    </row>
    <row r="6" spans="1:18" s="320" customFormat="1">
      <c r="A6" s="980"/>
      <c r="B6" s="981"/>
      <c r="C6" s="396" t="s">
        <v>324</v>
      </c>
      <c r="D6" s="984" t="s">
        <v>410</v>
      </c>
      <c r="E6" s="985"/>
      <c r="F6" s="985"/>
      <c r="G6" s="985"/>
      <c r="H6" s="985"/>
      <c r="I6" s="985"/>
      <c r="J6" s="985"/>
      <c r="K6" s="986"/>
      <c r="O6" s="321"/>
      <c r="P6" s="321"/>
      <c r="Q6" s="306"/>
      <c r="R6" s="306"/>
    </row>
    <row r="7" spans="1:18" s="320" customFormat="1">
      <c r="A7" s="980"/>
      <c r="B7" s="981"/>
      <c r="C7" s="396"/>
      <c r="D7" s="984" t="s">
        <v>313</v>
      </c>
      <c r="E7" s="985"/>
      <c r="F7" s="985"/>
      <c r="G7" s="985"/>
      <c r="H7" s="985"/>
      <c r="I7" s="985"/>
      <c r="J7" s="985"/>
      <c r="K7" s="986"/>
      <c r="O7" s="321"/>
      <c r="P7" s="321"/>
      <c r="Q7" s="306"/>
      <c r="R7" s="306"/>
    </row>
    <row r="8" spans="1:18" s="320" customFormat="1">
      <c r="A8" s="982"/>
      <c r="B8" s="983"/>
      <c r="C8" s="396"/>
      <c r="D8" s="984" t="s">
        <v>312</v>
      </c>
      <c r="E8" s="985"/>
      <c r="F8" s="985"/>
      <c r="G8" s="985"/>
      <c r="H8" s="985"/>
      <c r="I8" s="985"/>
      <c r="J8" s="985"/>
      <c r="K8" s="986"/>
      <c r="O8" s="321"/>
      <c r="P8" s="321"/>
      <c r="Q8" s="306"/>
      <c r="R8" s="306"/>
    </row>
    <row r="10" spans="1:18">
      <c r="A10" s="956" t="s">
        <v>311</v>
      </c>
      <c r="B10" s="956"/>
      <c r="C10" s="956"/>
      <c r="D10" s="956"/>
      <c r="E10" s="953" t="s">
        <v>310</v>
      </c>
      <c r="F10" s="959"/>
      <c r="G10" s="959"/>
      <c r="H10" s="959"/>
      <c r="I10" s="959"/>
      <c r="J10" s="959"/>
      <c r="K10" s="954"/>
      <c r="L10" s="953" t="s">
        <v>309</v>
      </c>
      <c r="M10" s="959"/>
      <c r="N10" s="959"/>
      <c r="O10" s="959"/>
      <c r="P10" s="959"/>
      <c r="Q10" s="959"/>
      <c r="R10" s="954"/>
    </row>
    <row r="11" spans="1:18">
      <c r="A11" s="960">
        <f>基礎情報!D6</f>
        <v>0</v>
      </c>
      <c r="B11" s="961"/>
      <c r="C11" s="961"/>
      <c r="D11" s="962"/>
      <c r="E11" s="969">
        <f>基礎情報!D9</f>
        <v>0</v>
      </c>
      <c r="F11" s="970"/>
      <c r="G11" s="970"/>
      <c r="H11" s="970"/>
      <c r="I11" s="970"/>
      <c r="J11" s="970"/>
      <c r="K11" s="971"/>
      <c r="L11" s="969">
        <f>基礎情報!D11</f>
        <v>0</v>
      </c>
      <c r="M11" s="970"/>
      <c r="N11" s="970"/>
      <c r="O11" s="970"/>
      <c r="P11" s="970"/>
      <c r="Q11" s="970"/>
      <c r="R11" s="971"/>
    </row>
    <row r="12" spans="1:18">
      <c r="A12" s="963"/>
      <c r="B12" s="964"/>
      <c r="C12" s="964"/>
      <c r="D12" s="965"/>
      <c r="E12" s="972"/>
      <c r="F12" s="973"/>
      <c r="G12" s="973"/>
      <c r="H12" s="973"/>
      <c r="I12" s="973"/>
      <c r="J12" s="973"/>
      <c r="K12" s="974"/>
      <c r="L12" s="972"/>
      <c r="M12" s="973"/>
      <c r="N12" s="973"/>
      <c r="O12" s="973"/>
      <c r="P12" s="973"/>
      <c r="Q12" s="973"/>
      <c r="R12" s="974"/>
    </row>
    <row r="13" spans="1:18">
      <c r="A13" s="966"/>
      <c r="B13" s="967"/>
      <c r="C13" s="967"/>
      <c r="D13" s="968"/>
      <c r="E13" s="975"/>
      <c r="F13" s="976"/>
      <c r="G13" s="976"/>
      <c r="H13" s="976"/>
      <c r="I13" s="976"/>
      <c r="J13" s="976"/>
      <c r="K13" s="977"/>
      <c r="L13" s="975"/>
      <c r="M13" s="976"/>
      <c r="N13" s="976"/>
      <c r="O13" s="976"/>
      <c r="P13" s="976"/>
      <c r="Q13" s="976"/>
      <c r="R13" s="977"/>
    </row>
    <row r="15" spans="1:18" s="315" customFormat="1" ht="18" thickBot="1">
      <c r="A15" s="310" t="s">
        <v>308</v>
      </c>
      <c r="B15" s="314"/>
      <c r="C15" s="314"/>
      <c r="D15" s="314"/>
      <c r="E15" s="314"/>
      <c r="F15" s="314"/>
      <c r="G15" s="314"/>
      <c r="H15" s="314"/>
      <c r="I15" s="314"/>
      <c r="J15" s="314"/>
      <c r="K15" s="314"/>
      <c r="L15" s="319"/>
      <c r="M15" s="319"/>
      <c r="N15" s="318"/>
      <c r="O15" s="318"/>
      <c r="P15" s="317"/>
      <c r="Q15" s="317"/>
      <c r="R15" s="316"/>
    </row>
    <row r="16" spans="1:18" s="315" customFormat="1" ht="12.75" thickBot="1">
      <c r="A16" s="322" t="str">
        <f>IF(基礎情報!D13="〇","〇","")</f>
        <v/>
      </c>
      <c r="B16" s="314" t="s">
        <v>307</v>
      </c>
      <c r="C16" s="314"/>
      <c r="D16" s="314"/>
      <c r="E16" s="314"/>
      <c r="F16" s="314"/>
      <c r="G16" s="314"/>
      <c r="H16" s="314"/>
      <c r="I16" s="314"/>
      <c r="J16" s="322" t="str">
        <f>IF(基礎情報!D16="〇","〇","")</f>
        <v/>
      </c>
      <c r="K16" s="314" t="s">
        <v>81</v>
      </c>
      <c r="L16" s="314"/>
      <c r="M16" s="314"/>
      <c r="N16" s="314"/>
      <c r="O16" s="314"/>
    </row>
    <row r="17" spans="1:18" s="315" customFormat="1" ht="12.75" thickBot="1">
      <c r="A17" s="322" t="str">
        <f>IF(基礎情報!D14="〇","〇","")</f>
        <v/>
      </c>
      <c r="B17" s="314" t="s">
        <v>306</v>
      </c>
      <c r="C17" s="314"/>
      <c r="D17" s="314"/>
      <c r="E17" s="314"/>
      <c r="F17" s="314"/>
      <c r="G17" s="314"/>
      <c r="H17" s="314"/>
      <c r="I17" s="314"/>
      <c r="J17" s="322" t="str">
        <f>IF(基礎情報!D17="〇","〇","")</f>
        <v/>
      </c>
      <c r="K17" s="314" t="s">
        <v>82</v>
      </c>
      <c r="L17" s="314"/>
      <c r="M17" s="314"/>
      <c r="N17" s="314"/>
      <c r="O17" s="314"/>
    </row>
    <row r="18" spans="1:18">
      <c r="A18" s="314"/>
      <c r="B18" s="314"/>
      <c r="C18" s="314"/>
      <c r="D18" s="314"/>
      <c r="E18" s="314"/>
      <c r="F18" s="314"/>
      <c r="G18" s="314"/>
      <c r="H18" s="314"/>
      <c r="I18" s="314"/>
      <c r="J18" s="314"/>
      <c r="K18" s="314"/>
      <c r="L18" s="314"/>
      <c r="M18" s="314"/>
      <c r="N18" s="314"/>
      <c r="O18" s="314"/>
    </row>
    <row r="19" spans="1:18" ht="15" customHeight="1">
      <c r="A19" s="310" t="s">
        <v>305</v>
      </c>
      <c r="B19" s="314"/>
      <c r="C19" s="314"/>
      <c r="D19" s="314"/>
      <c r="E19" s="314"/>
      <c r="F19" s="314"/>
      <c r="G19" s="314"/>
      <c r="H19" s="314"/>
      <c r="I19" s="314"/>
      <c r="J19" s="314"/>
      <c r="K19" s="314"/>
      <c r="L19" s="314"/>
      <c r="M19" s="314"/>
      <c r="N19" s="314"/>
      <c r="O19" s="314"/>
    </row>
    <row r="20" spans="1:18" ht="24" customHeight="1">
      <c r="A20" s="953" t="s">
        <v>304</v>
      </c>
      <c r="B20" s="959"/>
      <c r="C20" s="959"/>
      <c r="D20" s="954"/>
      <c r="E20" s="953" t="s">
        <v>303</v>
      </c>
      <c r="F20" s="954"/>
      <c r="G20" s="953" t="s">
        <v>302</v>
      </c>
      <c r="H20" s="954"/>
      <c r="I20" s="953" t="s">
        <v>301</v>
      </c>
      <c r="J20" s="954"/>
      <c r="K20" s="998" t="s">
        <v>300</v>
      </c>
      <c r="L20" s="999"/>
      <c r="M20" s="998" t="s">
        <v>299</v>
      </c>
      <c r="N20" s="999"/>
      <c r="O20" s="953" t="s">
        <v>298</v>
      </c>
      <c r="P20" s="954"/>
      <c r="Q20" s="953" t="s">
        <v>297</v>
      </c>
      <c r="R20" s="954"/>
    </row>
    <row r="21" spans="1:18" ht="15" customHeight="1">
      <c r="A21" s="312"/>
      <c r="B21" s="313"/>
      <c r="C21" s="313"/>
      <c r="D21" s="311"/>
      <c r="E21" s="312"/>
      <c r="F21" s="311"/>
      <c r="G21" s="312"/>
      <c r="H21" s="311"/>
      <c r="I21" s="312"/>
      <c r="J21" s="311"/>
      <c r="K21" s="312"/>
      <c r="L21" s="311" t="s">
        <v>296</v>
      </c>
      <c r="M21" s="312"/>
      <c r="N21" s="311" t="s">
        <v>296</v>
      </c>
      <c r="O21" s="312"/>
      <c r="P21" s="311"/>
      <c r="Q21" s="312"/>
      <c r="R21" s="311"/>
    </row>
    <row r="22" spans="1:18" s="305" customFormat="1">
      <c r="A22" s="1016">
        <f>'確認書（検査機器）'!C47</f>
        <v>0</v>
      </c>
      <c r="B22" s="1017"/>
      <c r="C22" s="1017"/>
      <c r="D22" s="1018"/>
      <c r="E22" s="1016">
        <f>'確認書（検査機器）'!G47</f>
        <v>0</v>
      </c>
      <c r="F22" s="1018"/>
      <c r="G22" s="991">
        <f>'確認書（検査機器）'!K47</f>
        <v>0</v>
      </c>
      <c r="H22" s="993"/>
      <c r="I22" s="994">
        <f>'確認書（検査機器）'!Q47</f>
        <v>0</v>
      </c>
      <c r="J22" s="995"/>
      <c r="K22" s="994">
        <f>'確認書（検査機器）'!X47</f>
        <v>0</v>
      </c>
      <c r="L22" s="995"/>
      <c r="M22" s="996">
        <f t="shared" ref="M22:M31" si="0">I22*K22</f>
        <v>0</v>
      </c>
      <c r="N22" s="997"/>
      <c r="O22" s="994">
        <f>'確認書（検査機器）'!AE47</f>
        <v>0</v>
      </c>
      <c r="P22" s="995"/>
      <c r="Q22" s="994" t="str">
        <f>IF(I22&gt;0,'確認書（検査機器）'!$C$35,"")</f>
        <v/>
      </c>
      <c r="R22" s="995"/>
    </row>
    <row r="23" spans="1:18" s="305" customFormat="1">
      <c r="A23" s="1016">
        <f>'確認書（検査機器）'!C48</f>
        <v>0</v>
      </c>
      <c r="B23" s="1017"/>
      <c r="C23" s="1017"/>
      <c r="D23" s="1018"/>
      <c r="E23" s="1016">
        <f>'確認書（検査機器）'!G48</f>
        <v>0</v>
      </c>
      <c r="F23" s="1018"/>
      <c r="G23" s="991">
        <f>'確認書（検査機器）'!K48</f>
        <v>0</v>
      </c>
      <c r="H23" s="993"/>
      <c r="I23" s="994">
        <f>'確認書（検査機器）'!Q48</f>
        <v>0</v>
      </c>
      <c r="J23" s="995"/>
      <c r="K23" s="994">
        <f>'確認書（検査機器）'!X48</f>
        <v>0</v>
      </c>
      <c r="L23" s="995"/>
      <c r="M23" s="996">
        <f t="shared" si="0"/>
        <v>0</v>
      </c>
      <c r="N23" s="997"/>
      <c r="O23" s="994">
        <f>'確認書（検査機器）'!AE48</f>
        <v>0</v>
      </c>
      <c r="P23" s="995"/>
      <c r="Q23" s="994" t="str">
        <f>IF(I23&gt;0,'確認書（検査機器）'!$C$35,"")</f>
        <v/>
      </c>
      <c r="R23" s="995"/>
    </row>
    <row r="24" spans="1:18" s="305" customFormat="1">
      <c r="A24" s="1016">
        <f>'確認書（検査機器）'!C49</f>
        <v>0</v>
      </c>
      <c r="B24" s="1017"/>
      <c r="C24" s="1017"/>
      <c r="D24" s="1018"/>
      <c r="E24" s="1016">
        <f>'確認書（検査機器）'!G49</f>
        <v>0</v>
      </c>
      <c r="F24" s="1018"/>
      <c r="G24" s="991">
        <f>'確認書（検査機器）'!K49</f>
        <v>0</v>
      </c>
      <c r="H24" s="993"/>
      <c r="I24" s="994">
        <f>'確認書（検査機器）'!Q49</f>
        <v>0</v>
      </c>
      <c r="J24" s="995"/>
      <c r="K24" s="994">
        <f>'確認書（検査機器）'!X49</f>
        <v>0</v>
      </c>
      <c r="L24" s="995"/>
      <c r="M24" s="996">
        <f t="shared" si="0"/>
        <v>0</v>
      </c>
      <c r="N24" s="997"/>
      <c r="O24" s="994">
        <f>'確認書（検査機器）'!AE49</f>
        <v>0</v>
      </c>
      <c r="P24" s="995"/>
      <c r="Q24" s="994" t="str">
        <f>IF(I24&gt;0,'確認書（検査機器）'!$C$35,"")</f>
        <v/>
      </c>
      <c r="R24" s="995"/>
    </row>
    <row r="25" spans="1:18" s="305" customFormat="1" ht="13.5" customHeight="1">
      <c r="A25" s="1016">
        <f>'確認書（検査機器）'!C50</f>
        <v>0</v>
      </c>
      <c r="B25" s="1017"/>
      <c r="C25" s="1017"/>
      <c r="D25" s="1018"/>
      <c r="E25" s="1016">
        <f>'確認書（検査機器）'!G50</f>
        <v>0</v>
      </c>
      <c r="F25" s="1018"/>
      <c r="G25" s="991">
        <f>'確認書（検査機器）'!K50</f>
        <v>0</v>
      </c>
      <c r="H25" s="993"/>
      <c r="I25" s="994">
        <f>'確認書（検査機器）'!Q50</f>
        <v>0</v>
      </c>
      <c r="J25" s="995"/>
      <c r="K25" s="994">
        <f>'確認書（検査機器）'!X50</f>
        <v>0</v>
      </c>
      <c r="L25" s="995"/>
      <c r="M25" s="996">
        <f t="shared" si="0"/>
        <v>0</v>
      </c>
      <c r="N25" s="997"/>
      <c r="O25" s="994">
        <f>'確認書（検査機器）'!AE50</f>
        <v>0</v>
      </c>
      <c r="P25" s="995"/>
      <c r="Q25" s="994" t="str">
        <f>IF(I25&gt;0,'確認書（検査機器）'!$C$35,"")</f>
        <v/>
      </c>
      <c r="R25" s="995"/>
    </row>
    <row r="26" spans="1:18" s="305" customFormat="1" ht="12" customHeight="1">
      <c r="A26" s="1016">
        <f>'確認書（検査機器）'!C51</f>
        <v>0</v>
      </c>
      <c r="B26" s="1017"/>
      <c r="C26" s="1017"/>
      <c r="D26" s="1018"/>
      <c r="E26" s="1016">
        <f>'確認書（検査機器）'!G51</f>
        <v>0</v>
      </c>
      <c r="F26" s="1018"/>
      <c r="G26" s="991">
        <f>'確認書（検査機器）'!K51</f>
        <v>0</v>
      </c>
      <c r="H26" s="993"/>
      <c r="I26" s="994">
        <f>'確認書（検査機器）'!Q51</f>
        <v>0</v>
      </c>
      <c r="J26" s="995"/>
      <c r="K26" s="994">
        <f>'確認書（検査機器）'!X51</f>
        <v>0</v>
      </c>
      <c r="L26" s="995"/>
      <c r="M26" s="996">
        <f t="shared" si="0"/>
        <v>0</v>
      </c>
      <c r="N26" s="997"/>
      <c r="O26" s="994">
        <f>'確認書（検査機器）'!AE51</f>
        <v>0</v>
      </c>
      <c r="P26" s="995"/>
      <c r="Q26" s="994" t="str">
        <f>IF(I26&gt;0,'確認書（検査機器）'!$C$35,"")</f>
        <v/>
      </c>
      <c r="R26" s="995"/>
    </row>
    <row r="27" spans="1:18" s="305" customFormat="1" ht="13.5" customHeight="1">
      <c r="A27" s="1016">
        <f>'確認書（検査機器）'!C117</f>
        <v>0</v>
      </c>
      <c r="B27" s="1017"/>
      <c r="C27" s="1017"/>
      <c r="D27" s="1018"/>
      <c r="E27" s="991">
        <f>'確認書（検査機器）'!H117</f>
        <v>0</v>
      </c>
      <c r="F27" s="993"/>
      <c r="G27" s="991">
        <f>'確認書（検査機器）'!N117</f>
        <v>0</v>
      </c>
      <c r="H27" s="993"/>
      <c r="I27" s="994">
        <f>'確認書（検査機器）'!S117</f>
        <v>0</v>
      </c>
      <c r="J27" s="995"/>
      <c r="K27" s="994">
        <f>'確認書（検査機器）'!X117</f>
        <v>0</v>
      </c>
      <c r="L27" s="995"/>
      <c r="M27" s="996">
        <f t="shared" si="0"/>
        <v>0</v>
      </c>
      <c r="N27" s="997"/>
      <c r="O27" s="994">
        <f>'確認書（検査機器）'!AE117</f>
        <v>0</v>
      </c>
      <c r="P27" s="995"/>
      <c r="Q27" s="994" t="str">
        <f>IF(I27&gt;0,'確認書（検査機器）'!$C$35,"")</f>
        <v/>
      </c>
      <c r="R27" s="995"/>
    </row>
    <row r="28" spans="1:18" s="305" customFormat="1" ht="13.5" customHeight="1">
      <c r="A28" s="1016">
        <f>'確認書（検査機器）'!C118</f>
        <v>0</v>
      </c>
      <c r="B28" s="1017"/>
      <c r="C28" s="1017"/>
      <c r="D28" s="1018"/>
      <c r="E28" s="991">
        <f>'確認書（検査機器）'!H118</f>
        <v>0</v>
      </c>
      <c r="F28" s="993"/>
      <c r="G28" s="991">
        <f>'確認書（検査機器）'!N118</f>
        <v>0</v>
      </c>
      <c r="H28" s="993"/>
      <c r="I28" s="994">
        <f>'確認書（検査機器）'!S118</f>
        <v>0</v>
      </c>
      <c r="J28" s="995"/>
      <c r="K28" s="994">
        <f>'確認書（検査機器）'!X118</f>
        <v>0</v>
      </c>
      <c r="L28" s="995"/>
      <c r="M28" s="996">
        <f t="shared" si="0"/>
        <v>0</v>
      </c>
      <c r="N28" s="997"/>
      <c r="O28" s="994">
        <f>'確認書（検査機器）'!AE118</f>
        <v>0</v>
      </c>
      <c r="P28" s="995"/>
      <c r="Q28" s="994" t="str">
        <f>IF(I28&gt;0,'確認書（検査機器）'!$C$35,"")</f>
        <v/>
      </c>
      <c r="R28" s="995"/>
    </row>
    <row r="29" spans="1:18" s="305" customFormat="1" ht="13.5" customHeight="1">
      <c r="A29" s="1016">
        <f>'確認書（検査機器）'!C119</f>
        <v>0</v>
      </c>
      <c r="B29" s="1017"/>
      <c r="C29" s="1017"/>
      <c r="D29" s="1018"/>
      <c r="E29" s="991">
        <f>'確認書（検査機器）'!H119</f>
        <v>0</v>
      </c>
      <c r="F29" s="993"/>
      <c r="G29" s="991">
        <f>'確認書（検査機器）'!N119</f>
        <v>0</v>
      </c>
      <c r="H29" s="993"/>
      <c r="I29" s="994">
        <f>'確認書（検査機器）'!S119</f>
        <v>0</v>
      </c>
      <c r="J29" s="995"/>
      <c r="K29" s="994">
        <f>'確認書（検査機器）'!X119</f>
        <v>0</v>
      </c>
      <c r="L29" s="995"/>
      <c r="M29" s="996">
        <f t="shared" si="0"/>
        <v>0</v>
      </c>
      <c r="N29" s="997"/>
      <c r="O29" s="994">
        <f>'確認書（検査機器）'!AE119</f>
        <v>0</v>
      </c>
      <c r="P29" s="995"/>
      <c r="Q29" s="994" t="str">
        <f>IF(I29&gt;0,'確認書（検査機器）'!$C$35,"")</f>
        <v/>
      </c>
      <c r="R29" s="995"/>
    </row>
    <row r="30" spans="1:18" s="305" customFormat="1" ht="13.5" customHeight="1">
      <c r="A30" s="1016">
        <f>'確認書（検査機器）'!C120</f>
        <v>0</v>
      </c>
      <c r="B30" s="1017"/>
      <c r="C30" s="1017"/>
      <c r="D30" s="1018"/>
      <c r="E30" s="991">
        <f>'確認書（検査機器）'!H120</f>
        <v>0</v>
      </c>
      <c r="F30" s="993"/>
      <c r="G30" s="991">
        <f>'確認書（検査機器）'!N120</f>
        <v>0</v>
      </c>
      <c r="H30" s="993"/>
      <c r="I30" s="994">
        <f>'確認書（検査機器）'!S120</f>
        <v>0</v>
      </c>
      <c r="J30" s="995"/>
      <c r="K30" s="994">
        <f>'確認書（検査機器）'!X120</f>
        <v>0</v>
      </c>
      <c r="L30" s="995"/>
      <c r="M30" s="996">
        <f t="shared" si="0"/>
        <v>0</v>
      </c>
      <c r="N30" s="997"/>
      <c r="O30" s="994">
        <f>'確認書（検査機器）'!AE120</f>
        <v>0</v>
      </c>
      <c r="P30" s="995"/>
      <c r="Q30" s="994" t="str">
        <f>IF(I30&gt;0,'確認書（検査機器）'!$C$35,"")</f>
        <v/>
      </c>
      <c r="R30" s="995"/>
    </row>
    <row r="31" spans="1:18" s="305" customFormat="1" ht="13.5" customHeight="1">
      <c r="A31" s="1019">
        <f>'確認書（検査機器）'!C121</f>
        <v>0</v>
      </c>
      <c r="B31" s="1020"/>
      <c r="C31" s="1020"/>
      <c r="D31" s="1021"/>
      <c r="E31" s="1011">
        <f>'確認書（検査機器）'!H121</f>
        <v>0</v>
      </c>
      <c r="F31" s="1013"/>
      <c r="G31" s="1011">
        <f>'確認書（検査機器）'!N121</f>
        <v>0</v>
      </c>
      <c r="H31" s="1013"/>
      <c r="I31" s="1006">
        <f>'確認書（検査機器）'!S121</f>
        <v>0</v>
      </c>
      <c r="J31" s="1007"/>
      <c r="K31" s="1006">
        <f>'確認書（検査機器）'!X121</f>
        <v>0</v>
      </c>
      <c r="L31" s="1007"/>
      <c r="M31" s="1014">
        <f t="shared" si="0"/>
        <v>0</v>
      </c>
      <c r="N31" s="1015"/>
      <c r="O31" s="1006">
        <f>'確認書（検査機器）'!AE121</f>
        <v>0</v>
      </c>
      <c r="P31" s="1007"/>
      <c r="Q31" s="1006" t="str">
        <f>IF(I31&gt;0,'確認書（検査機器）'!$C$35,"")</f>
        <v/>
      </c>
      <c r="R31" s="1007"/>
    </row>
    <row r="32" spans="1:18" s="305" customFormat="1" ht="13.5" customHeight="1">
      <c r="A32" s="1008"/>
      <c r="B32" s="1009"/>
      <c r="C32" s="1009"/>
      <c r="D32" s="1010"/>
      <c r="E32" s="1008"/>
      <c r="F32" s="1010"/>
      <c r="G32" s="1008"/>
      <c r="H32" s="1010"/>
      <c r="I32" s="1008"/>
      <c r="J32" s="1010"/>
      <c r="K32" s="1008" t="s">
        <v>295</v>
      </c>
      <c r="L32" s="1010"/>
      <c r="M32" s="1008">
        <f>SUBTOTAL(109,M22:N31)</f>
        <v>0</v>
      </c>
      <c r="N32" s="1010"/>
      <c r="O32" s="1008"/>
      <c r="P32" s="1010"/>
      <c r="Q32" s="1008"/>
      <c r="R32" s="1010"/>
    </row>
    <row r="34" spans="1:18" ht="17.25">
      <c r="A34" s="310" t="s">
        <v>294</v>
      </c>
    </row>
    <row r="35" spans="1:18">
      <c r="A35" s="309" t="s">
        <v>293</v>
      </c>
      <c r="B35" s="308"/>
      <c r="C35" s="308"/>
      <c r="D35" s="308"/>
      <c r="E35" s="308"/>
      <c r="F35" s="308"/>
      <c r="G35" s="308"/>
      <c r="H35" s="308"/>
      <c r="I35" s="308"/>
      <c r="J35" s="308"/>
      <c r="K35" s="308"/>
      <c r="L35" s="308"/>
      <c r="M35" s="308"/>
      <c r="N35" s="308"/>
      <c r="O35" s="308"/>
      <c r="P35" s="308"/>
      <c r="Q35" s="308"/>
      <c r="R35" s="307"/>
    </row>
    <row r="36" spans="1:18">
      <c r="A36" s="1000">
        <f>'確認書（検査機器）'!$C$94</f>
        <v>0</v>
      </c>
      <c r="B36" s="1001"/>
      <c r="C36" s="1001"/>
      <c r="D36" s="1001"/>
      <c r="E36" s="1001"/>
      <c r="F36" s="1001"/>
      <c r="G36" s="1001"/>
      <c r="H36" s="1001"/>
      <c r="I36" s="1001"/>
      <c r="J36" s="1001"/>
      <c r="K36" s="1001"/>
      <c r="L36" s="1001"/>
      <c r="M36" s="1001"/>
      <c r="N36" s="1001"/>
      <c r="O36" s="1001"/>
      <c r="P36" s="1001"/>
      <c r="Q36" s="1001"/>
      <c r="R36" s="1002"/>
    </row>
    <row r="37" spans="1:18">
      <c r="A37" s="1000"/>
      <c r="B37" s="1001"/>
      <c r="C37" s="1001"/>
      <c r="D37" s="1001"/>
      <c r="E37" s="1001"/>
      <c r="F37" s="1001"/>
      <c r="G37" s="1001"/>
      <c r="H37" s="1001"/>
      <c r="I37" s="1001"/>
      <c r="J37" s="1001"/>
      <c r="K37" s="1001"/>
      <c r="L37" s="1001"/>
      <c r="M37" s="1001"/>
      <c r="N37" s="1001"/>
      <c r="O37" s="1001"/>
      <c r="P37" s="1001"/>
      <c r="Q37" s="1001"/>
      <c r="R37" s="1002"/>
    </row>
    <row r="38" spans="1:18">
      <c r="A38" s="1000"/>
      <c r="B38" s="1001"/>
      <c r="C38" s="1001"/>
      <c r="D38" s="1001"/>
      <c r="E38" s="1001"/>
      <c r="F38" s="1001"/>
      <c r="G38" s="1001"/>
      <c r="H38" s="1001"/>
      <c r="I38" s="1001"/>
      <c r="J38" s="1001"/>
      <c r="K38" s="1001"/>
      <c r="L38" s="1001"/>
      <c r="M38" s="1001"/>
      <c r="N38" s="1001"/>
      <c r="O38" s="1001"/>
      <c r="P38" s="1001"/>
      <c r="Q38" s="1001"/>
      <c r="R38" s="1002"/>
    </row>
    <row r="39" spans="1:18">
      <c r="A39" s="1000"/>
      <c r="B39" s="1001"/>
      <c r="C39" s="1001"/>
      <c r="D39" s="1001"/>
      <c r="E39" s="1001"/>
      <c r="F39" s="1001"/>
      <c r="G39" s="1001"/>
      <c r="H39" s="1001"/>
      <c r="I39" s="1001"/>
      <c r="J39" s="1001"/>
      <c r="K39" s="1001"/>
      <c r="L39" s="1001"/>
      <c r="M39" s="1001"/>
      <c r="N39" s="1001"/>
      <c r="O39" s="1001"/>
      <c r="P39" s="1001"/>
      <c r="Q39" s="1001"/>
      <c r="R39" s="1002"/>
    </row>
    <row r="40" spans="1:18">
      <c r="A40" s="1000"/>
      <c r="B40" s="1001"/>
      <c r="C40" s="1001"/>
      <c r="D40" s="1001"/>
      <c r="E40" s="1001"/>
      <c r="F40" s="1001"/>
      <c r="G40" s="1001"/>
      <c r="H40" s="1001"/>
      <c r="I40" s="1001"/>
      <c r="J40" s="1001"/>
      <c r="K40" s="1001"/>
      <c r="L40" s="1001"/>
      <c r="M40" s="1001"/>
      <c r="N40" s="1001"/>
      <c r="O40" s="1001"/>
      <c r="P40" s="1001"/>
      <c r="Q40" s="1001"/>
      <c r="R40" s="1002"/>
    </row>
    <row r="41" spans="1:18">
      <c r="A41" s="1000"/>
      <c r="B41" s="1001"/>
      <c r="C41" s="1001"/>
      <c r="D41" s="1001"/>
      <c r="E41" s="1001"/>
      <c r="F41" s="1001"/>
      <c r="G41" s="1001"/>
      <c r="H41" s="1001"/>
      <c r="I41" s="1001"/>
      <c r="J41" s="1001"/>
      <c r="K41" s="1001"/>
      <c r="L41" s="1001"/>
      <c r="M41" s="1001"/>
      <c r="N41" s="1001"/>
      <c r="O41" s="1001"/>
      <c r="P41" s="1001"/>
      <c r="Q41" s="1001"/>
      <c r="R41" s="1002"/>
    </row>
    <row r="42" spans="1:18">
      <c r="A42" s="1000"/>
      <c r="B42" s="1001"/>
      <c r="C42" s="1001"/>
      <c r="D42" s="1001"/>
      <c r="E42" s="1001"/>
      <c r="F42" s="1001"/>
      <c r="G42" s="1001"/>
      <c r="H42" s="1001"/>
      <c r="I42" s="1001"/>
      <c r="J42" s="1001"/>
      <c r="K42" s="1001"/>
      <c r="L42" s="1001"/>
      <c r="M42" s="1001"/>
      <c r="N42" s="1001"/>
      <c r="O42" s="1001"/>
      <c r="P42" s="1001"/>
      <c r="Q42" s="1001"/>
      <c r="R42" s="1002"/>
    </row>
    <row r="43" spans="1:18">
      <c r="A43" s="1000"/>
      <c r="B43" s="1001"/>
      <c r="C43" s="1001"/>
      <c r="D43" s="1001"/>
      <c r="E43" s="1001"/>
      <c r="F43" s="1001"/>
      <c r="G43" s="1001"/>
      <c r="H43" s="1001"/>
      <c r="I43" s="1001"/>
      <c r="J43" s="1001"/>
      <c r="K43" s="1001"/>
      <c r="L43" s="1001"/>
      <c r="M43" s="1001"/>
      <c r="N43" s="1001"/>
      <c r="O43" s="1001"/>
      <c r="P43" s="1001"/>
      <c r="Q43" s="1001"/>
      <c r="R43" s="1002"/>
    </row>
    <row r="44" spans="1:18">
      <c r="A44" s="1003"/>
      <c r="B44" s="1004"/>
      <c r="C44" s="1004"/>
      <c r="D44" s="1004"/>
      <c r="E44" s="1004"/>
      <c r="F44" s="1004"/>
      <c r="G44" s="1004"/>
      <c r="H44" s="1004"/>
      <c r="I44" s="1004"/>
      <c r="J44" s="1004"/>
      <c r="K44" s="1004"/>
      <c r="L44" s="1004"/>
      <c r="M44" s="1004"/>
      <c r="N44" s="1004"/>
      <c r="O44" s="1004"/>
      <c r="P44" s="1004"/>
      <c r="Q44" s="1004"/>
      <c r="R44" s="1005"/>
    </row>
    <row r="45" spans="1:18">
      <c r="A45" s="306"/>
      <c r="B45" s="306"/>
      <c r="C45" s="306"/>
      <c r="D45" s="306"/>
      <c r="E45" s="306"/>
      <c r="F45" s="306"/>
      <c r="G45" s="306"/>
      <c r="H45" s="306"/>
      <c r="I45" s="306"/>
      <c r="J45" s="306"/>
      <c r="K45" s="306"/>
      <c r="L45" s="306"/>
      <c r="M45" s="306"/>
      <c r="N45" s="306"/>
      <c r="O45" s="306"/>
      <c r="P45" s="306"/>
      <c r="Q45" s="306"/>
      <c r="R45" s="306"/>
    </row>
    <row r="46" spans="1:18">
      <c r="R46" s="305"/>
    </row>
    <row r="47" spans="1:18">
      <c r="R47" s="305"/>
    </row>
    <row r="48" spans="1:18">
      <c r="A48" s="304" t="s">
        <v>292</v>
      </c>
    </row>
    <row r="49" spans="1:1">
      <c r="A49" s="304" t="s">
        <v>291</v>
      </c>
    </row>
    <row r="50" spans="1:1">
      <c r="A50" s="304" t="s">
        <v>290</v>
      </c>
    </row>
    <row r="51" spans="1:1">
      <c r="A51" s="304" t="s">
        <v>289</v>
      </c>
    </row>
    <row r="52" spans="1:1">
      <c r="A52" s="304" t="s">
        <v>288</v>
      </c>
    </row>
    <row r="53" spans="1:1">
      <c r="A53" s="304" t="s">
        <v>287</v>
      </c>
    </row>
  </sheetData>
  <sheetProtection algorithmName="SHA-512" hashValue="hdw7meZlrzL3XK/Tl8RMqAkT7BEBW1F6cWa/q81DuC8ozwWgY9KwRW4MQncwrld/1e5pwxuC5m3wpainWO1RUg==" saltValue="BYd0iShGAQf/YNybOmWWxw==" spinCount="100000" sheet="1" objects="1" scenarios="1"/>
  <mergeCells count="117">
    <mergeCell ref="A36:R44"/>
    <mergeCell ref="O31:P31"/>
    <mergeCell ref="Q31:R31"/>
    <mergeCell ref="A32:D32"/>
    <mergeCell ref="E32:F32"/>
    <mergeCell ref="G32:H32"/>
    <mergeCell ref="I32:J32"/>
    <mergeCell ref="K32:L32"/>
    <mergeCell ref="M32:N32"/>
    <mergeCell ref="O32:P32"/>
    <mergeCell ref="Q32:R32"/>
    <mergeCell ref="A31:D31"/>
    <mergeCell ref="E31:F31"/>
    <mergeCell ref="G31:H31"/>
    <mergeCell ref="I31:J31"/>
    <mergeCell ref="K31:L31"/>
    <mergeCell ref="M31:N31"/>
    <mergeCell ref="O29:P29"/>
    <mergeCell ref="Q29:R29"/>
    <mergeCell ref="A30:D30"/>
    <mergeCell ref="E30:F30"/>
    <mergeCell ref="G30:H30"/>
    <mergeCell ref="I30:J30"/>
    <mergeCell ref="K30:L30"/>
    <mergeCell ref="M30:N30"/>
    <mergeCell ref="O30:P30"/>
    <mergeCell ref="Q30:R30"/>
    <mergeCell ref="A29:D29"/>
    <mergeCell ref="E29:F29"/>
    <mergeCell ref="G29:H29"/>
    <mergeCell ref="I29:J29"/>
    <mergeCell ref="K29:L29"/>
    <mergeCell ref="M29:N29"/>
    <mergeCell ref="O27:P27"/>
    <mergeCell ref="Q27:R27"/>
    <mergeCell ref="A28:D28"/>
    <mergeCell ref="E28:F28"/>
    <mergeCell ref="G28:H28"/>
    <mergeCell ref="I28:J28"/>
    <mergeCell ref="K28:L28"/>
    <mergeCell ref="M28:N28"/>
    <mergeCell ref="O28:P28"/>
    <mergeCell ref="Q28:R28"/>
    <mergeCell ref="A27:D27"/>
    <mergeCell ref="E27:F27"/>
    <mergeCell ref="G27:H27"/>
    <mergeCell ref="I27:J27"/>
    <mergeCell ref="K27:L27"/>
    <mergeCell ref="M27:N27"/>
    <mergeCell ref="O25:P25"/>
    <mergeCell ref="Q25:R25"/>
    <mergeCell ref="A26:D26"/>
    <mergeCell ref="E26:F26"/>
    <mergeCell ref="G26:H26"/>
    <mergeCell ref="I26:J26"/>
    <mergeCell ref="K26:L26"/>
    <mergeCell ref="M26:N26"/>
    <mergeCell ref="O26:P26"/>
    <mergeCell ref="Q26:R26"/>
    <mergeCell ref="A25:D25"/>
    <mergeCell ref="E25:F25"/>
    <mergeCell ref="G25:H25"/>
    <mergeCell ref="I25:J25"/>
    <mergeCell ref="K25:L25"/>
    <mergeCell ref="M25:N25"/>
    <mergeCell ref="O23:P23"/>
    <mergeCell ref="Q23:R23"/>
    <mergeCell ref="A24:D24"/>
    <mergeCell ref="E24:F24"/>
    <mergeCell ref="G24:H24"/>
    <mergeCell ref="I24:J24"/>
    <mergeCell ref="K24:L24"/>
    <mergeCell ref="M24:N24"/>
    <mergeCell ref="O24:P24"/>
    <mergeCell ref="Q24:R24"/>
    <mergeCell ref="A23:D23"/>
    <mergeCell ref="E23:F23"/>
    <mergeCell ref="G23:H23"/>
    <mergeCell ref="I23:J23"/>
    <mergeCell ref="K23:L23"/>
    <mergeCell ref="M23:N23"/>
    <mergeCell ref="O20:P20"/>
    <mergeCell ref="Q20:R20"/>
    <mergeCell ref="A22:D22"/>
    <mergeCell ref="E22:F22"/>
    <mergeCell ref="G22:H22"/>
    <mergeCell ref="I22:J22"/>
    <mergeCell ref="K22:L22"/>
    <mergeCell ref="M22:N22"/>
    <mergeCell ref="O22:P22"/>
    <mergeCell ref="Q22:R22"/>
    <mergeCell ref="A20:D20"/>
    <mergeCell ref="E20:F20"/>
    <mergeCell ref="G20:H20"/>
    <mergeCell ref="I20:J20"/>
    <mergeCell ref="K20:L20"/>
    <mergeCell ref="M20:N20"/>
    <mergeCell ref="A11:D13"/>
    <mergeCell ref="E11:K13"/>
    <mergeCell ref="L11:R13"/>
    <mergeCell ref="A5:B8"/>
    <mergeCell ref="D5:K5"/>
    <mergeCell ref="O5:P5"/>
    <mergeCell ref="Q5:R5"/>
    <mergeCell ref="D6:K6"/>
    <mergeCell ref="D7:K7"/>
    <mergeCell ref="D8:K8"/>
    <mergeCell ref="O1:P1"/>
    <mergeCell ref="Q1:R1"/>
    <mergeCell ref="A2:R2"/>
    <mergeCell ref="A4:B4"/>
    <mergeCell ref="C4:K4"/>
    <mergeCell ref="O4:P4"/>
    <mergeCell ref="Q4:R4"/>
    <mergeCell ref="A10:D10"/>
    <mergeCell ref="E10:K10"/>
    <mergeCell ref="L10:R10"/>
  </mergeCells>
  <phoneticPr fontId="2"/>
  <dataValidations count="3">
    <dataValidation type="list" allowBlank="1" showInputMessage="1" showErrorMessage="1" sqref="Q5:R5">
      <formula1>"1.事業計画書,2.実績報告書"</formula1>
    </dataValidation>
    <dataValidation type="list" allowBlank="1" showInputMessage="1" showErrorMessage="1" sqref="J16:J17 A16:A17">
      <formula1>"○"</formula1>
    </dataValidation>
    <dataValidation type="list" allowBlank="1" showInputMessage="1" showErrorMessage="1" sqref="C5:C8">
      <formula1>"〇"</formula1>
    </dataValidation>
  </dataValidations>
  <printOptions horizontalCentered="1"/>
  <pageMargins left="0.59055118110236227" right="0.59055118110236227" top="0.59055118110236227" bottom="0.59055118110236227" header="0.39370078740157483" footer="0.39370078740157483"/>
  <pageSetup paperSize="9" scale="89" orientation="portrait" blackAndWhite="1" r:id="rId1"/>
  <headerFooter>
    <oddFooter>&amp;C&amp;"ＭＳ ゴシック,標準"&amp;10&amp;P</oddFooter>
  </headerFooter>
  <rowBreaks count="1" manualBreakCount="1">
    <brk id="47" max="17" man="1"/>
  </rowBreaks>
  <legacyDrawing r:id="rId2"/>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66FF"/>
  </sheetPr>
  <dimension ref="A1:R53"/>
  <sheetViews>
    <sheetView showZeros="0" view="pageBreakPreview" zoomScaleNormal="100" zoomScaleSheetLayoutView="100" workbookViewId="0">
      <pane ySplit="1" topLeftCell="A2" activePane="bottomLeft" state="frozen"/>
      <selection activeCell="C47" sqref="C47:D47"/>
      <selection pane="bottomLeft" activeCell="A16" sqref="A16"/>
    </sheetView>
  </sheetViews>
  <sheetFormatPr defaultColWidth="5.125" defaultRowHeight="12"/>
  <cols>
    <col min="1" max="16384" width="5.125" style="304"/>
  </cols>
  <sheetData>
    <row r="1" spans="1:18">
      <c r="A1" s="304" t="s">
        <v>322</v>
      </c>
      <c r="O1" s="950" t="s">
        <v>321</v>
      </c>
      <c r="P1" s="950"/>
      <c r="Q1" s="951" t="s">
        <v>323</v>
      </c>
      <c r="R1" s="951"/>
    </row>
    <row r="2" spans="1:18" ht="24">
      <c r="A2" s="952" t="s">
        <v>320</v>
      </c>
      <c r="B2" s="952"/>
      <c r="C2" s="952"/>
      <c r="D2" s="952"/>
      <c r="E2" s="952"/>
      <c r="F2" s="952"/>
      <c r="G2" s="952"/>
      <c r="H2" s="952"/>
      <c r="I2" s="952"/>
      <c r="J2" s="952"/>
      <c r="K2" s="952"/>
      <c r="L2" s="952"/>
      <c r="M2" s="952"/>
      <c r="N2" s="952"/>
      <c r="O2" s="952"/>
      <c r="P2" s="952"/>
      <c r="Q2" s="952"/>
      <c r="R2" s="952"/>
    </row>
    <row r="4" spans="1:18">
      <c r="A4" s="953" t="s">
        <v>319</v>
      </c>
      <c r="B4" s="954"/>
      <c r="C4" s="955" t="s">
        <v>318</v>
      </c>
      <c r="D4" s="955"/>
      <c r="E4" s="955"/>
      <c r="F4" s="955"/>
      <c r="G4" s="955"/>
      <c r="H4" s="955"/>
      <c r="I4" s="955"/>
      <c r="J4" s="955"/>
      <c r="K4" s="955"/>
      <c r="O4" s="956" t="s">
        <v>317</v>
      </c>
      <c r="P4" s="956"/>
      <c r="Q4" s="957" t="s">
        <v>326</v>
      </c>
      <c r="R4" s="958"/>
    </row>
    <row r="5" spans="1:18" s="320" customFormat="1">
      <c r="A5" s="978" t="s">
        <v>316</v>
      </c>
      <c r="B5" s="979"/>
      <c r="C5" s="396"/>
      <c r="D5" s="984" t="s">
        <v>315</v>
      </c>
      <c r="E5" s="985"/>
      <c r="F5" s="985"/>
      <c r="G5" s="985"/>
      <c r="H5" s="985"/>
      <c r="I5" s="985"/>
      <c r="J5" s="985"/>
      <c r="K5" s="986"/>
      <c r="O5" s="987" t="s">
        <v>314</v>
      </c>
      <c r="P5" s="988"/>
      <c r="Q5" s="989" t="s">
        <v>325</v>
      </c>
      <c r="R5" s="990"/>
    </row>
    <row r="6" spans="1:18" s="320" customFormat="1">
      <c r="A6" s="980"/>
      <c r="B6" s="981"/>
      <c r="C6" s="396"/>
      <c r="D6" s="984" t="s">
        <v>410</v>
      </c>
      <c r="E6" s="985"/>
      <c r="F6" s="985"/>
      <c r="G6" s="985"/>
      <c r="H6" s="985"/>
      <c r="I6" s="985"/>
      <c r="J6" s="985"/>
      <c r="K6" s="986"/>
      <c r="O6" s="321"/>
      <c r="P6" s="321"/>
      <c r="Q6" s="306"/>
      <c r="R6" s="306"/>
    </row>
    <row r="7" spans="1:18" s="320" customFormat="1">
      <c r="A7" s="980"/>
      <c r="B7" s="981"/>
      <c r="C7" s="396" t="s">
        <v>324</v>
      </c>
      <c r="D7" s="984" t="s">
        <v>313</v>
      </c>
      <c r="E7" s="985"/>
      <c r="F7" s="985"/>
      <c r="G7" s="985"/>
      <c r="H7" s="985"/>
      <c r="I7" s="985"/>
      <c r="J7" s="985"/>
      <c r="K7" s="986"/>
      <c r="O7" s="321"/>
      <c r="P7" s="321"/>
      <c r="Q7" s="306"/>
      <c r="R7" s="306"/>
    </row>
    <row r="8" spans="1:18" s="320" customFormat="1">
      <c r="A8" s="982"/>
      <c r="B8" s="983"/>
      <c r="C8" s="396"/>
      <c r="D8" s="984" t="s">
        <v>312</v>
      </c>
      <c r="E8" s="985"/>
      <c r="F8" s="985"/>
      <c r="G8" s="985"/>
      <c r="H8" s="985"/>
      <c r="I8" s="985"/>
      <c r="J8" s="985"/>
      <c r="K8" s="986"/>
      <c r="O8" s="321"/>
      <c r="P8" s="321"/>
      <c r="Q8" s="306"/>
      <c r="R8" s="306"/>
    </row>
    <row r="10" spans="1:18">
      <c r="A10" s="956" t="s">
        <v>311</v>
      </c>
      <c r="B10" s="956"/>
      <c r="C10" s="956"/>
      <c r="D10" s="956"/>
      <c r="E10" s="953" t="s">
        <v>310</v>
      </c>
      <c r="F10" s="959"/>
      <c r="G10" s="959"/>
      <c r="H10" s="959"/>
      <c r="I10" s="959"/>
      <c r="J10" s="959"/>
      <c r="K10" s="954"/>
      <c r="L10" s="953" t="s">
        <v>309</v>
      </c>
      <c r="M10" s="959"/>
      <c r="N10" s="959"/>
      <c r="O10" s="959"/>
      <c r="P10" s="959"/>
      <c r="Q10" s="959"/>
      <c r="R10" s="954"/>
    </row>
    <row r="11" spans="1:18">
      <c r="A11" s="960">
        <f>基礎情報!D6</f>
        <v>0</v>
      </c>
      <c r="B11" s="961"/>
      <c r="C11" s="961"/>
      <c r="D11" s="962"/>
      <c r="E11" s="969">
        <f>基礎情報!D9</f>
        <v>0</v>
      </c>
      <c r="F11" s="970"/>
      <c r="G11" s="970"/>
      <c r="H11" s="970"/>
      <c r="I11" s="970"/>
      <c r="J11" s="970"/>
      <c r="K11" s="971"/>
      <c r="L11" s="969">
        <f>基礎情報!D11</f>
        <v>0</v>
      </c>
      <c r="M11" s="970"/>
      <c r="N11" s="970"/>
      <c r="O11" s="970"/>
      <c r="P11" s="970"/>
      <c r="Q11" s="970"/>
      <c r="R11" s="971"/>
    </row>
    <row r="12" spans="1:18">
      <c r="A12" s="963"/>
      <c r="B12" s="964"/>
      <c r="C12" s="964"/>
      <c r="D12" s="965"/>
      <c r="E12" s="972"/>
      <c r="F12" s="973"/>
      <c r="G12" s="973"/>
      <c r="H12" s="973"/>
      <c r="I12" s="973"/>
      <c r="J12" s="973"/>
      <c r="K12" s="974"/>
      <c r="L12" s="972"/>
      <c r="M12" s="973"/>
      <c r="N12" s="973"/>
      <c r="O12" s="973"/>
      <c r="P12" s="973"/>
      <c r="Q12" s="973"/>
      <c r="R12" s="974"/>
    </row>
    <row r="13" spans="1:18">
      <c r="A13" s="966"/>
      <c r="B13" s="967"/>
      <c r="C13" s="967"/>
      <c r="D13" s="968"/>
      <c r="E13" s="975"/>
      <c r="F13" s="976"/>
      <c r="G13" s="976"/>
      <c r="H13" s="976"/>
      <c r="I13" s="976"/>
      <c r="J13" s="976"/>
      <c r="K13" s="977"/>
      <c r="L13" s="975"/>
      <c r="M13" s="976"/>
      <c r="N13" s="976"/>
      <c r="O13" s="976"/>
      <c r="P13" s="976"/>
      <c r="Q13" s="976"/>
      <c r="R13" s="977"/>
    </row>
    <row r="15" spans="1:18" s="315" customFormat="1" ht="18" thickBot="1">
      <c r="A15" s="310" t="s">
        <v>308</v>
      </c>
      <c r="B15" s="314"/>
      <c r="C15" s="314"/>
      <c r="D15" s="314"/>
      <c r="E15" s="314"/>
      <c r="F15" s="314"/>
      <c r="G15" s="314"/>
      <c r="H15" s="314"/>
      <c r="I15" s="314"/>
      <c r="J15" s="314"/>
      <c r="K15" s="314"/>
      <c r="L15" s="319"/>
      <c r="M15" s="319"/>
      <c r="N15" s="318"/>
      <c r="O15" s="318"/>
      <c r="P15" s="317"/>
      <c r="Q15" s="317"/>
      <c r="R15" s="316"/>
    </row>
    <row r="16" spans="1:18" s="315" customFormat="1" ht="12.75" thickBot="1">
      <c r="A16" s="322" t="str">
        <f>IF(基礎情報!D13="〇","〇","")</f>
        <v/>
      </c>
      <c r="B16" s="314" t="s">
        <v>307</v>
      </c>
      <c r="C16" s="314"/>
      <c r="D16" s="314"/>
      <c r="E16" s="314"/>
      <c r="F16" s="314"/>
      <c r="G16" s="314"/>
      <c r="H16" s="314"/>
      <c r="I16" s="314"/>
      <c r="J16" s="322" t="str">
        <f>IF(基礎情報!D16="〇","〇","")</f>
        <v/>
      </c>
      <c r="K16" s="314" t="s">
        <v>81</v>
      </c>
      <c r="L16" s="314"/>
      <c r="M16" s="314"/>
      <c r="N16" s="314"/>
      <c r="O16" s="314"/>
    </row>
    <row r="17" spans="1:18" s="315" customFormat="1" ht="12.75" thickBot="1">
      <c r="A17" s="322" t="str">
        <f>IF(基礎情報!D14="〇","〇","")</f>
        <v/>
      </c>
      <c r="B17" s="314" t="s">
        <v>306</v>
      </c>
      <c r="C17" s="314"/>
      <c r="D17" s="314"/>
      <c r="E17" s="314"/>
      <c r="F17" s="314"/>
      <c r="G17" s="314"/>
      <c r="H17" s="314"/>
      <c r="I17" s="314"/>
      <c r="J17" s="322" t="str">
        <f>IF(基礎情報!D17="〇","〇","")</f>
        <v/>
      </c>
      <c r="K17" s="314" t="s">
        <v>82</v>
      </c>
      <c r="L17" s="314"/>
      <c r="M17" s="314"/>
      <c r="N17" s="314"/>
      <c r="O17" s="314"/>
    </row>
    <row r="18" spans="1:18">
      <c r="A18" s="314"/>
      <c r="B18" s="314"/>
      <c r="C18" s="314"/>
      <c r="D18" s="314"/>
      <c r="E18" s="314"/>
      <c r="F18" s="314"/>
      <c r="G18" s="314"/>
      <c r="H18" s="314"/>
      <c r="I18" s="314"/>
      <c r="J18" s="314"/>
      <c r="K18" s="314"/>
      <c r="L18" s="314"/>
      <c r="M18" s="314"/>
      <c r="N18" s="314"/>
      <c r="O18" s="314"/>
    </row>
    <row r="19" spans="1:18" ht="15" customHeight="1">
      <c r="A19" s="310" t="s">
        <v>305</v>
      </c>
      <c r="B19" s="314"/>
      <c r="C19" s="314"/>
      <c r="D19" s="314"/>
      <c r="E19" s="314"/>
      <c r="F19" s="314"/>
      <c r="G19" s="314"/>
      <c r="H19" s="314"/>
      <c r="I19" s="314"/>
      <c r="J19" s="314"/>
      <c r="K19" s="314"/>
      <c r="L19" s="314"/>
      <c r="M19" s="314"/>
      <c r="N19" s="314"/>
      <c r="O19" s="314"/>
    </row>
    <row r="20" spans="1:18" ht="24" customHeight="1">
      <c r="A20" s="953" t="s">
        <v>304</v>
      </c>
      <c r="B20" s="959"/>
      <c r="C20" s="959"/>
      <c r="D20" s="954"/>
      <c r="E20" s="953" t="s">
        <v>303</v>
      </c>
      <c r="F20" s="954"/>
      <c r="G20" s="953" t="s">
        <v>302</v>
      </c>
      <c r="H20" s="954"/>
      <c r="I20" s="953" t="s">
        <v>301</v>
      </c>
      <c r="J20" s="954"/>
      <c r="K20" s="998" t="s">
        <v>300</v>
      </c>
      <c r="L20" s="999"/>
      <c r="M20" s="998" t="s">
        <v>299</v>
      </c>
      <c r="N20" s="999"/>
      <c r="O20" s="953" t="s">
        <v>298</v>
      </c>
      <c r="P20" s="954"/>
      <c r="Q20" s="953" t="s">
        <v>297</v>
      </c>
      <c r="R20" s="954"/>
    </row>
    <row r="21" spans="1:18" ht="15" customHeight="1">
      <c r="A21" s="312"/>
      <c r="B21" s="313"/>
      <c r="C21" s="313"/>
      <c r="D21" s="311"/>
      <c r="E21" s="312"/>
      <c r="F21" s="311"/>
      <c r="G21" s="312"/>
      <c r="H21" s="311"/>
      <c r="I21" s="312"/>
      <c r="J21" s="311"/>
      <c r="K21" s="312"/>
      <c r="L21" s="311" t="s">
        <v>296</v>
      </c>
      <c r="M21" s="312"/>
      <c r="N21" s="311" t="s">
        <v>296</v>
      </c>
      <c r="O21" s="312"/>
      <c r="P21" s="311"/>
      <c r="Q21" s="312"/>
      <c r="R21" s="311"/>
    </row>
    <row r="22" spans="1:18" s="305" customFormat="1">
      <c r="A22" s="991" t="str">
        <f>IF(I22&gt;0,"簡易ベッド","")</f>
        <v/>
      </c>
      <c r="B22" s="992"/>
      <c r="C22" s="992"/>
      <c r="D22" s="993"/>
      <c r="E22" s="991">
        <f>'確認書（ベッド）'!B47</f>
        <v>0</v>
      </c>
      <c r="F22" s="993"/>
      <c r="G22" s="991">
        <f>'確認書（ベッド）'!C47</f>
        <v>0</v>
      </c>
      <c r="H22" s="993"/>
      <c r="I22" s="994">
        <f>'確認書（ベッド）'!E47</f>
        <v>0</v>
      </c>
      <c r="J22" s="995"/>
      <c r="K22" s="994">
        <f>'確認書（ベッド）'!F47</f>
        <v>0</v>
      </c>
      <c r="L22" s="995"/>
      <c r="M22" s="996">
        <f t="shared" ref="M22:M31" si="0">I22*K22</f>
        <v>0</v>
      </c>
      <c r="N22" s="997"/>
      <c r="O22" s="994">
        <f>'確認書（ベッド）'!H47</f>
        <v>0</v>
      </c>
      <c r="P22" s="995"/>
      <c r="Q22" s="994" t="str">
        <f>IF(I22&gt;0,'確認書（ベッド）'!$B$35,"")</f>
        <v/>
      </c>
      <c r="R22" s="995"/>
    </row>
    <row r="23" spans="1:18" s="305" customFormat="1">
      <c r="A23" s="991" t="str">
        <f t="shared" ref="A23:A26" si="1">IF(I23&gt;0,"簡易ベッド","")</f>
        <v/>
      </c>
      <c r="B23" s="992"/>
      <c r="C23" s="992"/>
      <c r="D23" s="993"/>
      <c r="E23" s="991">
        <f>'確認書（ベッド）'!B48</f>
        <v>0</v>
      </c>
      <c r="F23" s="993"/>
      <c r="G23" s="991">
        <f>'確認書（ベッド）'!C48</f>
        <v>0</v>
      </c>
      <c r="H23" s="993"/>
      <c r="I23" s="994">
        <f>'確認書（ベッド）'!E48</f>
        <v>0</v>
      </c>
      <c r="J23" s="995"/>
      <c r="K23" s="994">
        <f>'確認書（ベッド）'!F48</f>
        <v>0</v>
      </c>
      <c r="L23" s="995"/>
      <c r="M23" s="996">
        <f t="shared" si="0"/>
        <v>0</v>
      </c>
      <c r="N23" s="997"/>
      <c r="O23" s="994">
        <f>'確認書（ベッド）'!H48</f>
        <v>0</v>
      </c>
      <c r="P23" s="995"/>
      <c r="Q23" s="994" t="str">
        <f>IF(I23&gt;0,'確認書（ベッド）'!$B$35,"")</f>
        <v/>
      </c>
      <c r="R23" s="995"/>
    </row>
    <row r="24" spans="1:18" s="305" customFormat="1">
      <c r="A24" s="991" t="str">
        <f t="shared" si="1"/>
        <v/>
      </c>
      <c r="B24" s="992"/>
      <c r="C24" s="992"/>
      <c r="D24" s="993"/>
      <c r="E24" s="991">
        <f>'確認書（ベッド）'!B49</f>
        <v>0</v>
      </c>
      <c r="F24" s="993"/>
      <c r="G24" s="991">
        <f>'確認書（ベッド）'!C49</f>
        <v>0</v>
      </c>
      <c r="H24" s="993"/>
      <c r="I24" s="994">
        <f>'確認書（ベッド）'!E49</f>
        <v>0</v>
      </c>
      <c r="J24" s="995"/>
      <c r="K24" s="994">
        <f>'確認書（ベッド）'!F49</f>
        <v>0</v>
      </c>
      <c r="L24" s="995"/>
      <c r="M24" s="996">
        <f t="shared" si="0"/>
        <v>0</v>
      </c>
      <c r="N24" s="997"/>
      <c r="O24" s="994">
        <f>'確認書（ベッド）'!H49</f>
        <v>0</v>
      </c>
      <c r="P24" s="995"/>
      <c r="Q24" s="994" t="str">
        <f>IF(I24&gt;0,'確認書（ベッド）'!$B$35,"")</f>
        <v/>
      </c>
      <c r="R24" s="995"/>
    </row>
    <row r="25" spans="1:18" s="305" customFormat="1" ht="13.5" customHeight="1">
      <c r="A25" s="991" t="str">
        <f t="shared" si="1"/>
        <v/>
      </c>
      <c r="B25" s="992"/>
      <c r="C25" s="992"/>
      <c r="D25" s="993"/>
      <c r="E25" s="991">
        <f>'確認書（ベッド）'!B50</f>
        <v>0</v>
      </c>
      <c r="F25" s="993"/>
      <c r="G25" s="991">
        <f>'確認書（ベッド）'!C50</f>
        <v>0</v>
      </c>
      <c r="H25" s="993"/>
      <c r="I25" s="994">
        <f>'確認書（ベッド）'!E50</f>
        <v>0</v>
      </c>
      <c r="J25" s="995"/>
      <c r="K25" s="994">
        <f>'確認書（ベッド）'!F50</f>
        <v>0</v>
      </c>
      <c r="L25" s="995"/>
      <c r="M25" s="996">
        <f t="shared" si="0"/>
        <v>0</v>
      </c>
      <c r="N25" s="997"/>
      <c r="O25" s="994">
        <f>'確認書（ベッド）'!H50</f>
        <v>0</v>
      </c>
      <c r="P25" s="995"/>
      <c r="Q25" s="994" t="str">
        <f>IF(I25&gt;0,'確認書（ベッド）'!$B$35,"")</f>
        <v/>
      </c>
      <c r="R25" s="995"/>
    </row>
    <row r="26" spans="1:18" s="305" customFormat="1" ht="12" customHeight="1">
      <c r="A26" s="991" t="str">
        <f t="shared" si="1"/>
        <v/>
      </c>
      <c r="B26" s="992"/>
      <c r="C26" s="992"/>
      <c r="D26" s="993"/>
      <c r="E26" s="991">
        <f>'確認書（ベッド）'!B51</f>
        <v>0</v>
      </c>
      <c r="F26" s="993"/>
      <c r="G26" s="991">
        <f>'確認書（ベッド）'!C51</f>
        <v>0</v>
      </c>
      <c r="H26" s="993"/>
      <c r="I26" s="994">
        <f>'確認書（ベッド）'!E51</f>
        <v>0</v>
      </c>
      <c r="J26" s="995"/>
      <c r="K26" s="994">
        <f>'確認書（ベッド）'!F51</f>
        <v>0</v>
      </c>
      <c r="L26" s="995"/>
      <c r="M26" s="996">
        <f t="shared" si="0"/>
        <v>0</v>
      </c>
      <c r="N26" s="997"/>
      <c r="O26" s="994">
        <f>'確認書（ベッド）'!H51</f>
        <v>0</v>
      </c>
      <c r="P26" s="995"/>
      <c r="Q26" s="994" t="str">
        <f>IF(I26&gt;0,'確認書（ベッド）'!$B$35,"")</f>
        <v/>
      </c>
      <c r="R26" s="995"/>
    </row>
    <row r="27" spans="1:18" s="305" customFormat="1" ht="13.5" customHeight="1">
      <c r="A27" s="991">
        <f>'確認書（ベッド）'!B98</f>
        <v>0</v>
      </c>
      <c r="B27" s="992"/>
      <c r="C27" s="992"/>
      <c r="D27" s="993"/>
      <c r="E27" s="991">
        <f>'確認書（ベッド）'!C98</f>
        <v>0</v>
      </c>
      <c r="F27" s="993"/>
      <c r="G27" s="991">
        <f>'確認書（ベッド）'!D98</f>
        <v>0</v>
      </c>
      <c r="H27" s="993"/>
      <c r="I27" s="994">
        <f>'確認書（ベッド）'!E98</f>
        <v>0</v>
      </c>
      <c r="J27" s="995"/>
      <c r="K27" s="994">
        <f>'確認書（ベッド）'!F98</f>
        <v>0</v>
      </c>
      <c r="L27" s="995"/>
      <c r="M27" s="996">
        <f t="shared" si="0"/>
        <v>0</v>
      </c>
      <c r="N27" s="997"/>
      <c r="O27" s="994">
        <f>'確認書（ベッド）'!H98</f>
        <v>0</v>
      </c>
      <c r="P27" s="995"/>
      <c r="Q27" s="994" t="str">
        <f>IF(I27&gt;0,'確認書（ベッド）'!$B$35,"")</f>
        <v/>
      </c>
      <c r="R27" s="995"/>
    </row>
    <row r="28" spans="1:18" s="305" customFormat="1" ht="13.5" customHeight="1">
      <c r="A28" s="991">
        <f>'確認書（ベッド）'!B99</f>
        <v>0</v>
      </c>
      <c r="B28" s="992"/>
      <c r="C28" s="992"/>
      <c r="D28" s="993"/>
      <c r="E28" s="991">
        <f>'確認書（ベッド）'!C99</f>
        <v>0</v>
      </c>
      <c r="F28" s="993"/>
      <c r="G28" s="991">
        <f>'確認書（ベッド）'!D99</f>
        <v>0</v>
      </c>
      <c r="H28" s="993"/>
      <c r="I28" s="994">
        <f>'確認書（ベッド）'!E99</f>
        <v>0</v>
      </c>
      <c r="J28" s="995"/>
      <c r="K28" s="994">
        <f>'確認書（ベッド）'!F99</f>
        <v>0</v>
      </c>
      <c r="L28" s="995"/>
      <c r="M28" s="996">
        <f t="shared" si="0"/>
        <v>0</v>
      </c>
      <c r="N28" s="997"/>
      <c r="O28" s="994">
        <f>'確認書（ベッド）'!H99</f>
        <v>0</v>
      </c>
      <c r="P28" s="995"/>
      <c r="Q28" s="994" t="str">
        <f>IF(I28&gt;0,'確認書（ベッド）'!$B$35,"")</f>
        <v/>
      </c>
      <c r="R28" s="995"/>
    </row>
    <row r="29" spans="1:18" s="305" customFormat="1" ht="13.5" customHeight="1">
      <c r="A29" s="991">
        <f>'確認書（ベッド）'!B100</f>
        <v>0</v>
      </c>
      <c r="B29" s="992"/>
      <c r="C29" s="992"/>
      <c r="D29" s="993"/>
      <c r="E29" s="991">
        <f>'確認書（ベッド）'!C100</f>
        <v>0</v>
      </c>
      <c r="F29" s="993"/>
      <c r="G29" s="991">
        <f>'確認書（ベッド）'!D100</f>
        <v>0</v>
      </c>
      <c r="H29" s="993"/>
      <c r="I29" s="994">
        <f>'確認書（ベッド）'!E100</f>
        <v>0</v>
      </c>
      <c r="J29" s="995"/>
      <c r="K29" s="994">
        <f>'確認書（ベッド）'!F100</f>
        <v>0</v>
      </c>
      <c r="L29" s="995"/>
      <c r="M29" s="996">
        <f t="shared" si="0"/>
        <v>0</v>
      </c>
      <c r="N29" s="997"/>
      <c r="O29" s="994">
        <f>'確認書（ベッド）'!H100</f>
        <v>0</v>
      </c>
      <c r="P29" s="995"/>
      <c r="Q29" s="994" t="str">
        <f>IF(I29&gt;0,'確認書（ベッド）'!$B$35,"")</f>
        <v/>
      </c>
      <c r="R29" s="995"/>
    </row>
    <row r="30" spans="1:18" s="305" customFormat="1" ht="13.5" customHeight="1">
      <c r="A30" s="991">
        <f>'確認書（ベッド）'!B101</f>
        <v>0</v>
      </c>
      <c r="B30" s="992"/>
      <c r="C30" s="992"/>
      <c r="D30" s="993"/>
      <c r="E30" s="991">
        <f>'確認書（ベッド）'!C101</f>
        <v>0</v>
      </c>
      <c r="F30" s="993"/>
      <c r="G30" s="991">
        <f>'確認書（ベッド）'!D101</f>
        <v>0</v>
      </c>
      <c r="H30" s="993"/>
      <c r="I30" s="994">
        <f>'確認書（ベッド）'!E101</f>
        <v>0</v>
      </c>
      <c r="J30" s="995"/>
      <c r="K30" s="994">
        <f>'確認書（ベッド）'!F101</f>
        <v>0</v>
      </c>
      <c r="L30" s="995"/>
      <c r="M30" s="996">
        <f t="shared" si="0"/>
        <v>0</v>
      </c>
      <c r="N30" s="997"/>
      <c r="O30" s="994">
        <f>'確認書（ベッド）'!H101</f>
        <v>0</v>
      </c>
      <c r="P30" s="995"/>
      <c r="Q30" s="994" t="str">
        <f>IF(I30&gt;0,'確認書（ベッド）'!$B$35,"")</f>
        <v/>
      </c>
      <c r="R30" s="995"/>
    </row>
    <row r="31" spans="1:18" s="305" customFormat="1" ht="13.5" customHeight="1">
      <c r="A31" s="1011">
        <f>'確認書（ベッド）'!B102</f>
        <v>0</v>
      </c>
      <c r="B31" s="1012"/>
      <c r="C31" s="1012"/>
      <c r="D31" s="1013"/>
      <c r="E31" s="1011">
        <f>'確認書（ベッド）'!C102</f>
        <v>0</v>
      </c>
      <c r="F31" s="1013"/>
      <c r="G31" s="1011">
        <f>'確認書（ベッド）'!D102</f>
        <v>0</v>
      </c>
      <c r="H31" s="1013"/>
      <c r="I31" s="1006">
        <f>'確認書（ベッド）'!E102</f>
        <v>0</v>
      </c>
      <c r="J31" s="1007"/>
      <c r="K31" s="1006">
        <f>'確認書（ベッド）'!F102</f>
        <v>0</v>
      </c>
      <c r="L31" s="1007"/>
      <c r="M31" s="1014">
        <f t="shared" si="0"/>
        <v>0</v>
      </c>
      <c r="N31" s="1015"/>
      <c r="O31" s="1006">
        <f>'確認書（ベッド）'!H102</f>
        <v>0</v>
      </c>
      <c r="P31" s="1007"/>
      <c r="Q31" s="1006" t="str">
        <f>IF(I31&gt;0,'確認書（ベッド）'!$B$35,"")</f>
        <v/>
      </c>
      <c r="R31" s="1007"/>
    </row>
    <row r="32" spans="1:18" s="305" customFormat="1" ht="13.5" customHeight="1">
      <c r="A32" s="1008"/>
      <c r="B32" s="1009"/>
      <c r="C32" s="1009"/>
      <c r="D32" s="1010"/>
      <c r="E32" s="1008"/>
      <c r="F32" s="1010"/>
      <c r="G32" s="1008"/>
      <c r="H32" s="1010"/>
      <c r="I32" s="1008"/>
      <c r="J32" s="1010"/>
      <c r="K32" s="1008" t="s">
        <v>295</v>
      </c>
      <c r="L32" s="1010"/>
      <c r="M32" s="1008">
        <f>SUBTOTAL(109,M22:N31)</f>
        <v>0</v>
      </c>
      <c r="N32" s="1010"/>
      <c r="O32" s="1008"/>
      <c r="P32" s="1010"/>
      <c r="Q32" s="1008"/>
      <c r="R32" s="1010"/>
    </row>
    <row r="34" spans="1:18" ht="17.25">
      <c r="A34" s="310" t="s">
        <v>294</v>
      </c>
    </row>
    <row r="35" spans="1:18">
      <c r="A35" s="309" t="s">
        <v>293</v>
      </c>
      <c r="B35" s="308"/>
      <c r="C35" s="308"/>
      <c r="D35" s="308"/>
      <c r="E35" s="308"/>
      <c r="F35" s="308"/>
      <c r="G35" s="308"/>
      <c r="H35" s="308"/>
      <c r="I35" s="308"/>
      <c r="J35" s="308"/>
      <c r="K35" s="308"/>
      <c r="L35" s="308"/>
      <c r="M35" s="308"/>
      <c r="N35" s="308"/>
      <c r="O35" s="308"/>
      <c r="P35" s="308"/>
      <c r="Q35" s="308"/>
      <c r="R35" s="307"/>
    </row>
    <row r="36" spans="1:18">
      <c r="A36" s="1000">
        <f>'確認書（ベッド）'!$B$87</f>
        <v>0</v>
      </c>
      <c r="B36" s="1001"/>
      <c r="C36" s="1001"/>
      <c r="D36" s="1001"/>
      <c r="E36" s="1001"/>
      <c r="F36" s="1001"/>
      <c r="G36" s="1001"/>
      <c r="H36" s="1001"/>
      <c r="I36" s="1001"/>
      <c r="J36" s="1001"/>
      <c r="K36" s="1001"/>
      <c r="L36" s="1001"/>
      <c r="M36" s="1001"/>
      <c r="N36" s="1001"/>
      <c r="O36" s="1001"/>
      <c r="P36" s="1001"/>
      <c r="Q36" s="1001"/>
      <c r="R36" s="1002"/>
    </row>
    <row r="37" spans="1:18">
      <c r="A37" s="1000"/>
      <c r="B37" s="1001"/>
      <c r="C37" s="1001"/>
      <c r="D37" s="1001"/>
      <c r="E37" s="1001"/>
      <c r="F37" s="1001"/>
      <c r="G37" s="1001"/>
      <c r="H37" s="1001"/>
      <c r="I37" s="1001"/>
      <c r="J37" s="1001"/>
      <c r="K37" s="1001"/>
      <c r="L37" s="1001"/>
      <c r="M37" s="1001"/>
      <c r="N37" s="1001"/>
      <c r="O37" s="1001"/>
      <c r="P37" s="1001"/>
      <c r="Q37" s="1001"/>
      <c r="R37" s="1002"/>
    </row>
    <row r="38" spans="1:18">
      <c r="A38" s="1000"/>
      <c r="B38" s="1001"/>
      <c r="C38" s="1001"/>
      <c r="D38" s="1001"/>
      <c r="E38" s="1001"/>
      <c r="F38" s="1001"/>
      <c r="G38" s="1001"/>
      <c r="H38" s="1001"/>
      <c r="I38" s="1001"/>
      <c r="J38" s="1001"/>
      <c r="K38" s="1001"/>
      <c r="L38" s="1001"/>
      <c r="M38" s="1001"/>
      <c r="N38" s="1001"/>
      <c r="O38" s="1001"/>
      <c r="P38" s="1001"/>
      <c r="Q38" s="1001"/>
      <c r="R38" s="1002"/>
    </row>
    <row r="39" spans="1:18">
      <c r="A39" s="1000"/>
      <c r="B39" s="1001"/>
      <c r="C39" s="1001"/>
      <c r="D39" s="1001"/>
      <c r="E39" s="1001"/>
      <c r="F39" s="1001"/>
      <c r="G39" s="1001"/>
      <c r="H39" s="1001"/>
      <c r="I39" s="1001"/>
      <c r="J39" s="1001"/>
      <c r="K39" s="1001"/>
      <c r="L39" s="1001"/>
      <c r="M39" s="1001"/>
      <c r="N39" s="1001"/>
      <c r="O39" s="1001"/>
      <c r="P39" s="1001"/>
      <c r="Q39" s="1001"/>
      <c r="R39" s="1002"/>
    </row>
    <row r="40" spans="1:18">
      <c r="A40" s="1000"/>
      <c r="B40" s="1001"/>
      <c r="C40" s="1001"/>
      <c r="D40" s="1001"/>
      <c r="E40" s="1001"/>
      <c r="F40" s="1001"/>
      <c r="G40" s="1001"/>
      <c r="H40" s="1001"/>
      <c r="I40" s="1001"/>
      <c r="J40" s="1001"/>
      <c r="K40" s="1001"/>
      <c r="L40" s="1001"/>
      <c r="M40" s="1001"/>
      <c r="N40" s="1001"/>
      <c r="O40" s="1001"/>
      <c r="P40" s="1001"/>
      <c r="Q40" s="1001"/>
      <c r="R40" s="1002"/>
    </row>
    <row r="41" spans="1:18">
      <c r="A41" s="1000"/>
      <c r="B41" s="1001"/>
      <c r="C41" s="1001"/>
      <c r="D41" s="1001"/>
      <c r="E41" s="1001"/>
      <c r="F41" s="1001"/>
      <c r="G41" s="1001"/>
      <c r="H41" s="1001"/>
      <c r="I41" s="1001"/>
      <c r="J41" s="1001"/>
      <c r="K41" s="1001"/>
      <c r="L41" s="1001"/>
      <c r="M41" s="1001"/>
      <c r="N41" s="1001"/>
      <c r="O41" s="1001"/>
      <c r="P41" s="1001"/>
      <c r="Q41" s="1001"/>
      <c r="R41" s="1002"/>
    </row>
    <row r="42" spans="1:18">
      <c r="A42" s="1000"/>
      <c r="B42" s="1001"/>
      <c r="C42" s="1001"/>
      <c r="D42" s="1001"/>
      <c r="E42" s="1001"/>
      <c r="F42" s="1001"/>
      <c r="G42" s="1001"/>
      <c r="H42" s="1001"/>
      <c r="I42" s="1001"/>
      <c r="J42" s="1001"/>
      <c r="K42" s="1001"/>
      <c r="L42" s="1001"/>
      <c r="M42" s="1001"/>
      <c r="N42" s="1001"/>
      <c r="O42" s="1001"/>
      <c r="P42" s="1001"/>
      <c r="Q42" s="1001"/>
      <c r="R42" s="1002"/>
    </row>
    <row r="43" spans="1:18">
      <c r="A43" s="1000"/>
      <c r="B43" s="1001"/>
      <c r="C43" s="1001"/>
      <c r="D43" s="1001"/>
      <c r="E43" s="1001"/>
      <c r="F43" s="1001"/>
      <c r="G43" s="1001"/>
      <c r="H43" s="1001"/>
      <c r="I43" s="1001"/>
      <c r="J43" s="1001"/>
      <c r="K43" s="1001"/>
      <c r="L43" s="1001"/>
      <c r="M43" s="1001"/>
      <c r="N43" s="1001"/>
      <c r="O43" s="1001"/>
      <c r="P43" s="1001"/>
      <c r="Q43" s="1001"/>
      <c r="R43" s="1002"/>
    </row>
    <row r="44" spans="1:18">
      <c r="A44" s="1003"/>
      <c r="B44" s="1004"/>
      <c r="C44" s="1004"/>
      <c r="D44" s="1004"/>
      <c r="E44" s="1004"/>
      <c r="F44" s="1004"/>
      <c r="G44" s="1004"/>
      <c r="H44" s="1004"/>
      <c r="I44" s="1004"/>
      <c r="J44" s="1004"/>
      <c r="K44" s="1004"/>
      <c r="L44" s="1004"/>
      <c r="M44" s="1004"/>
      <c r="N44" s="1004"/>
      <c r="O44" s="1004"/>
      <c r="P44" s="1004"/>
      <c r="Q44" s="1004"/>
      <c r="R44" s="1005"/>
    </row>
    <row r="45" spans="1:18">
      <c r="A45" s="306"/>
      <c r="B45" s="306"/>
      <c r="C45" s="306"/>
      <c r="D45" s="306"/>
      <c r="E45" s="306"/>
      <c r="F45" s="306"/>
      <c r="G45" s="306"/>
      <c r="H45" s="306"/>
      <c r="I45" s="306"/>
      <c r="J45" s="306"/>
      <c r="K45" s="306"/>
      <c r="L45" s="306"/>
      <c r="M45" s="306"/>
      <c r="N45" s="306"/>
      <c r="O45" s="306"/>
      <c r="P45" s="306"/>
      <c r="Q45" s="306"/>
      <c r="R45" s="306"/>
    </row>
    <row r="46" spans="1:18">
      <c r="R46" s="305"/>
    </row>
    <row r="47" spans="1:18">
      <c r="R47" s="305"/>
    </row>
    <row r="48" spans="1:18">
      <c r="A48" s="304" t="s">
        <v>292</v>
      </c>
    </row>
    <row r="49" spans="1:1">
      <c r="A49" s="304" t="s">
        <v>291</v>
      </c>
    </row>
    <row r="50" spans="1:1">
      <c r="A50" s="304" t="s">
        <v>290</v>
      </c>
    </row>
    <row r="51" spans="1:1">
      <c r="A51" s="304" t="s">
        <v>289</v>
      </c>
    </row>
    <row r="52" spans="1:1">
      <c r="A52" s="304" t="s">
        <v>288</v>
      </c>
    </row>
    <row r="53" spans="1:1">
      <c r="A53" s="304" t="s">
        <v>287</v>
      </c>
    </row>
  </sheetData>
  <sheetProtection algorithmName="SHA-512" hashValue="NH9khMfx9C9Ofy7li+XJs1Q+CQbO+JJu5L3I0QSoGV1YIdOo0cScxeSu2i/PrvqbapxPUFvMzZgL8Iws8gsY/w==" saltValue="xfrBXlW6NfybO0bm2WOk8A==" spinCount="100000" sheet="1" objects="1" scenarios="1"/>
  <mergeCells count="117">
    <mergeCell ref="A36:R44"/>
    <mergeCell ref="O31:P31"/>
    <mergeCell ref="Q31:R31"/>
    <mergeCell ref="A32:D32"/>
    <mergeCell ref="E32:F32"/>
    <mergeCell ref="G32:H32"/>
    <mergeCell ref="I32:J32"/>
    <mergeCell ref="K32:L32"/>
    <mergeCell ref="M32:N32"/>
    <mergeCell ref="O32:P32"/>
    <mergeCell ref="Q32:R32"/>
    <mergeCell ref="A31:D31"/>
    <mergeCell ref="E31:F31"/>
    <mergeCell ref="G31:H31"/>
    <mergeCell ref="I31:J31"/>
    <mergeCell ref="K31:L31"/>
    <mergeCell ref="M31:N31"/>
    <mergeCell ref="O29:P29"/>
    <mergeCell ref="Q29:R29"/>
    <mergeCell ref="A30:D30"/>
    <mergeCell ref="E30:F30"/>
    <mergeCell ref="G30:H30"/>
    <mergeCell ref="I30:J30"/>
    <mergeCell ref="K30:L30"/>
    <mergeCell ref="M30:N30"/>
    <mergeCell ref="O30:P30"/>
    <mergeCell ref="Q30:R30"/>
    <mergeCell ref="A29:D29"/>
    <mergeCell ref="E29:F29"/>
    <mergeCell ref="G29:H29"/>
    <mergeCell ref="I29:J29"/>
    <mergeCell ref="K29:L29"/>
    <mergeCell ref="M29:N29"/>
    <mergeCell ref="O27:P27"/>
    <mergeCell ref="Q27:R27"/>
    <mergeCell ref="A28:D28"/>
    <mergeCell ref="E28:F28"/>
    <mergeCell ref="G28:H28"/>
    <mergeCell ref="I28:J28"/>
    <mergeCell ref="K28:L28"/>
    <mergeCell ref="M28:N28"/>
    <mergeCell ref="O28:P28"/>
    <mergeCell ref="Q28:R28"/>
    <mergeCell ref="A27:D27"/>
    <mergeCell ref="E27:F27"/>
    <mergeCell ref="G27:H27"/>
    <mergeCell ref="I27:J27"/>
    <mergeCell ref="K27:L27"/>
    <mergeCell ref="M27:N27"/>
    <mergeCell ref="O25:P25"/>
    <mergeCell ref="Q25:R25"/>
    <mergeCell ref="A26:D26"/>
    <mergeCell ref="E26:F26"/>
    <mergeCell ref="G26:H26"/>
    <mergeCell ref="I26:J26"/>
    <mergeCell ref="K26:L26"/>
    <mergeCell ref="M26:N26"/>
    <mergeCell ref="O26:P26"/>
    <mergeCell ref="Q26:R26"/>
    <mergeCell ref="A25:D25"/>
    <mergeCell ref="E25:F25"/>
    <mergeCell ref="G25:H25"/>
    <mergeCell ref="I25:J25"/>
    <mergeCell ref="K25:L25"/>
    <mergeCell ref="M25:N25"/>
    <mergeCell ref="O23:P23"/>
    <mergeCell ref="Q23:R23"/>
    <mergeCell ref="A24:D24"/>
    <mergeCell ref="E24:F24"/>
    <mergeCell ref="G24:H24"/>
    <mergeCell ref="I24:J24"/>
    <mergeCell ref="K24:L24"/>
    <mergeCell ref="M24:N24"/>
    <mergeCell ref="O24:P24"/>
    <mergeCell ref="Q24:R24"/>
    <mergeCell ref="A23:D23"/>
    <mergeCell ref="E23:F23"/>
    <mergeCell ref="G23:H23"/>
    <mergeCell ref="I23:J23"/>
    <mergeCell ref="K23:L23"/>
    <mergeCell ref="M23:N23"/>
    <mergeCell ref="O20:P20"/>
    <mergeCell ref="Q20:R20"/>
    <mergeCell ref="A22:D22"/>
    <mergeCell ref="E22:F22"/>
    <mergeCell ref="G22:H22"/>
    <mergeCell ref="I22:J22"/>
    <mergeCell ref="K22:L22"/>
    <mergeCell ref="M22:N22"/>
    <mergeCell ref="O22:P22"/>
    <mergeCell ref="Q22:R22"/>
    <mergeCell ref="A20:D20"/>
    <mergeCell ref="E20:F20"/>
    <mergeCell ref="G20:H20"/>
    <mergeCell ref="I20:J20"/>
    <mergeCell ref="K20:L20"/>
    <mergeCell ref="M20:N20"/>
    <mergeCell ref="A11:D13"/>
    <mergeCell ref="E11:K13"/>
    <mergeCell ref="L11:R13"/>
    <mergeCell ref="A5:B8"/>
    <mergeCell ref="D5:K5"/>
    <mergeCell ref="O5:P5"/>
    <mergeCell ref="Q5:R5"/>
    <mergeCell ref="D6:K6"/>
    <mergeCell ref="D7:K7"/>
    <mergeCell ref="D8:K8"/>
    <mergeCell ref="O1:P1"/>
    <mergeCell ref="Q1:R1"/>
    <mergeCell ref="A2:R2"/>
    <mergeCell ref="A4:B4"/>
    <mergeCell ref="C4:K4"/>
    <mergeCell ref="O4:P4"/>
    <mergeCell ref="Q4:R4"/>
    <mergeCell ref="A10:D10"/>
    <mergeCell ref="E10:K10"/>
    <mergeCell ref="L10:R10"/>
  </mergeCells>
  <phoneticPr fontId="2"/>
  <dataValidations count="3">
    <dataValidation type="list" allowBlank="1" showInputMessage="1" showErrorMessage="1" sqref="C5:C8">
      <formula1>"〇"</formula1>
    </dataValidation>
    <dataValidation type="list" allowBlank="1" showInputMessage="1" showErrorMessage="1" sqref="J16:J17 A16:A17">
      <formula1>"○"</formula1>
    </dataValidation>
    <dataValidation type="list" allowBlank="1" showInputMessage="1" showErrorMessage="1" sqref="Q5:R5">
      <formula1>"1.事業計画書,2.実績報告書"</formula1>
    </dataValidation>
  </dataValidations>
  <printOptions horizontalCentered="1"/>
  <pageMargins left="0.59055118110236227" right="0.59055118110236227" top="0.59055118110236227" bottom="0.59055118110236227" header="0.39370078740157483" footer="0.39370078740157483"/>
  <pageSetup paperSize="9" scale="89" orientation="portrait" blackAndWhite="1" r:id="rId1"/>
  <headerFooter>
    <oddFooter>&amp;C&amp;"ＭＳ ゴシック,標準"&amp;10&amp;P</oddFooter>
  </headerFooter>
  <rowBreaks count="1" manualBreakCount="1">
    <brk id="47" max="17" man="1"/>
  </rowBreaks>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17</vt:i4>
      </vt:variant>
    </vt:vector>
  </HeadingPairs>
  <TitlesOfParts>
    <vt:vector size="36" baseType="lpstr">
      <vt:lpstr>はじめにお読みください。</vt:lpstr>
      <vt:lpstr>基礎情報</vt:lpstr>
      <vt:lpstr>確認書（陰圧）</vt:lpstr>
      <vt:lpstr>確認書（検査機器）</vt:lpstr>
      <vt:lpstr>確認書（ベッド）</vt:lpstr>
      <vt:lpstr>確認書（清浄機）</vt:lpstr>
      <vt:lpstr>概要（陰圧）</vt:lpstr>
      <vt:lpstr>概要（検査機器）</vt:lpstr>
      <vt:lpstr>概要（ベッド）</vt:lpstr>
      <vt:lpstr>概要（清浄機）</vt:lpstr>
      <vt:lpstr>管理用</vt:lpstr>
      <vt:lpstr>事業計画書より右のシートは正式な交付申請時に使用します</vt:lpstr>
      <vt:lpstr>計画書（陰圧）</vt:lpstr>
      <vt:lpstr>計画書（検査装置)</vt:lpstr>
      <vt:lpstr>計画書（ベッド)</vt:lpstr>
      <vt:lpstr>計画書（清浄機)</vt:lpstr>
      <vt:lpstr>交付申請書</vt:lpstr>
      <vt:lpstr>経費所要額調</vt:lpstr>
      <vt:lpstr>歳入歳出予算書抄本</vt:lpstr>
      <vt:lpstr>はじめにお読みください。!Print_Area</vt:lpstr>
      <vt:lpstr>'概要（ベッド）'!Print_Area</vt:lpstr>
      <vt:lpstr>'概要（陰圧）'!Print_Area</vt:lpstr>
      <vt:lpstr>'概要（検査機器）'!Print_Area</vt:lpstr>
      <vt:lpstr>'概要（清浄機）'!Print_Area</vt:lpstr>
      <vt:lpstr>'確認書（ベッド）'!Print_Area</vt:lpstr>
      <vt:lpstr>'確認書（陰圧）'!Print_Area</vt:lpstr>
      <vt:lpstr>'確認書（検査機器）'!Print_Area</vt:lpstr>
      <vt:lpstr>'確認書（清浄機）'!Print_Area</vt:lpstr>
      <vt:lpstr>基礎情報!Print_Area</vt:lpstr>
      <vt:lpstr>経費所要額調!Print_Area</vt:lpstr>
      <vt:lpstr>'計画書（ベッド)'!Print_Area</vt:lpstr>
      <vt:lpstr>'計画書（陰圧）'!Print_Area</vt:lpstr>
      <vt:lpstr>'計画書（検査装置)'!Print_Area</vt:lpstr>
      <vt:lpstr>'計画書（清浄機)'!Print_Area</vt:lpstr>
      <vt:lpstr>交付申請書!Print_Area</vt:lpstr>
      <vt:lpstr>歳入歳出予算書抄本!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隆嗣</dc:creator>
  <cp:lastModifiedBy>morikawa</cp:lastModifiedBy>
  <cp:lastPrinted>2025-03-13T09:17:19Z</cp:lastPrinted>
  <dcterms:created xsi:type="dcterms:W3CDTF">2021-12-09T06:55:13Z</dcterms:created>
  <dcterms:modified xsi:type="dcterms:W3CDTF">2025-03-26T01:03:04Z</dcterms:modified>
</cp:coreProperties>
</file>